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2年度分\☆HP原稿\02_項目別（統計以降）（Excel）\02_指標\"/>
    </mc:Choice>
  </mc:AlternateContent>
  <bookViews>
    <workbookView xWindow="13668" yWindow="-12" windowWidth="6888" windowHeight="7752"/>
  </bookViews>
  <sheets>
    <sheet name="加入率" sheetId="24" r:id="rId1"/>
    <sheet name="年齢階層" sheetId="35" r:id="rId2"/>
    <sheet name="構成割合" sheetId="25" r:id="rId3"/>
  </sheets>
  <definedNames>
    <definedName name="_Fill" localSheetId="1" hidden="1">#REF!</definedName>
    <definedName name="_Fill" hidden="1">#REF!</definedName>
    <definedName name="_Key1" localSheetId="1" hidden="1">#REF!</definedName>
    <definedName name="_Key1" hidden="1">#REF!</definedName>
    <definedName name="_Order1" hidden="1">0</definedName>
    <definedName name="\a" localSheetId="1">#REF!</definedName>
    <definedName name="\a">#REF!</definedName>
    <definedName name="\b" localSheetId="1">#REF!</definedName>
    <definedName name="\b">#REF!</definedName>
    <definedName name="_xlnm.Print_Area" localSheetId="0">加入率!$A$1:$Q$44</definedName>
    <definedName name="_xlnm.Print_Area" localSheetId="2">構成割合!$A$1:$N$48</definedName>
    <definedName name="_xlnm.Print_Area" localSheetId="1">年齢階層!$A$1:$AM$47</definedName>
    <definedName name="年齢階層" hidden="1">#REF!</definedName>
    <definedName name="年齢階層２">#REF!</definedName>
  </definedNames>
  <calcPr calcId="152511"/>
</workbook>
</file>

<file path=xl/sharedStrings.xml><?xml version="1.0" encoding="utf-8"?>
<sst xmlns="http://schemas.openxmlformats.org/spreadsheetml/2006/main" count="368" uniqueCount="155">
  <si>
    <t>保険者名</t>
  </si>
  <si>
    <t>退職者等</t>
  </si>
  <si>
    <t>加入率</t>
  </si>
  <si>
    <t>順</t>
  </si>
  <si>
    <t>構成割合</t>
  </si>
  <si>
    <t>（％）</t>
  </si>
  <si>
    <t>位</t>
  </si>
  <si>
    <t>増減</t>
  </si>
  <si>
    <t>人数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 xml:space="preserve"> 津久井町</t>
  </si>
  <si>
    <t xml:space="preserve"> 相模湖町</t>
  </si>
  <si>
    <t xml:space="preserve"> 藤野町</t>
  </si>
  <si>
    <t>市町村平均</t>
  </si>
  <si>
    <t>市町村計</t>
  </si>
  <si>
    <t>－</t>
  </si>
  <si>
    <t>（注）年度末時点</t>
    <rPh sb="1" eb="2">
      <t>チュウ</t>
    </rPh>
    <rPh sb="3" eb="6">
      <t>ネンドマツ</t>
    </rPh>
    <rPh sb="6" eb="8">
      <t>ジテン</t>
    </rPh>
    <phoneticPr fontId="0"/>
  </si>
  <si>
    <t>被保険者数／職員数</t>
    <rPh sb="0" eb="4">
      <t>ヒホケンシャ</t>
    </rPh>
    <rPh sb="6" eb="8">
      <t>ショクイン</t>
    </rPh>
    <phoneticPr fontId="0"/>
  </si>
  <si>
    <t>－</t>
    <phoneticPr fontId="0"/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1人当たり</t>
    <phoneticPr fontId="0"/>
  </si>
  <si>
    <t>市町村平均</t>
    <phoneticPr fontId="0"/>
  </si>
  <si>
    <t>県　　平　　均</t>
    <phoneticPr fontId="0"/>
  </si>
  <si>
    <t>組 合 平 均</t>
    <phoneticPr fontId="0"/>
  </si>
  <si>
    <t>県    平    均</t>
    <phoneticPr fontId="0"/>
  </si>
  <si>
    <t>－</t>
    <phoneticPr fontId="0"/>
  </si>
  <si>
    <t>前期高齢者</t>
    <rPh sb="0" eb="2">
      <t>ゼンキ</t>
    </rPh>
    <rPh sb="2" eb="5">
      <t>コウレイシャ</t>
    </rPh>
    <phoneticPr fontId="0"/>
  </si>
  <si>
    <t>一般</t>
    <phoneticPr fontId="0"/>
  </si>
  <si>
    <r>
      <t>1</t>
    </r>
    <r>
      <rPr>
        <sz val="11"/>
        <rFont val="ＭＳ Ｐゴシック"/>
        <family val="3"/>
        <charset val="128"/>
      </rPr>
      <t>.</t>
    </r>
    <r>
      <rPr>
        <sz val="11"/>
        <rFont val="ＭＳ Ｐゴシック"/>
        <family val="3"/>
        <charset val="128"/>
      </rPr>
      <t>一般状況（１）　国民健康保険の加入率の推移</t>
    </r>
    <phoneticPr fontId="0"/>
  </si>
  <si>
    <r>
      <t>1</t>
    </r>
    <r>
      <rPr>
        <sz val="11"/>
        <rFont val="ＭＳ Ｐゴシック"/>
        <family val="3"/>
        <charset val="128"/>
      </rPr>
      <t>.</t>
    </r>
    <r>
      <rPr>
        <sz val="11"/>
        <rFont val="ＭＳ Ｐゴシック"/>
        <family val="3"/>
        <charset val="128"/>
      </rPr>
      <t>一般状況（３）　被保険者構成割合等</t>
    </r>
    <phoneticPr fontId="0"/>
  </si>
  <si>
    <t>29年度</t>
  </si>
  <si>
    <t>28→29</t>
  </si>
  <si>
    <t>29→30</t>
  </si>
  <si>
    <t>元年度</t>
    <rPh sb="0" eb="1">
      <t>ガン</t>
    </rPh>
    <phoneticPr fontId="0"/>
  </si>
  <si>
    <t>30→元</t>
    <rPh sb="3" eb="4">
      <t>ガン</t>
    </rPh>
    <phoneticPr fontId="0"/>
  </si>
  <si>
    <t>28年度</t>
  </si>
  <si>
    <t>27→28</t>
  </si>
  <si>
    <t>30年度</t>
  </si>
  <si>
    <t>２年度</t>
    <phoneticPr fontId="0"/>
  </si>
  <si>
    <t>元→２</t>
    <rPh sb="0" eb="1">
      <t>ガン</t>
    </rPh>
    <phoneticPr fontId="0"/>
  </si>
  <si>
    <t>元→２</t>
  </si>
  <si>
    <t>県         計</t>
    <phoneticPr fontId="13"/>
  </si>
  <si>
    <t>組  合  計</t>
    <phoneticPr fontId="13"/>
  </si>
  <si>
    <t xml:space="preserve"> 建設連合</t>
    <phoneticPr fontId="13"/>
  </si>
  <si>
    <t xml:space="preserve"> 建設業</t>
    <phoneticPr fontId="13"/>
  </si>
  <si>
    <t xml:space="preserve"> 薬剤師</t>
    <phoneticPr fontId="13"/>
  </si>
  <si>
    <t xml:space="preserve"> 食品衛生</t>
    <phoneticPr fontId="13"/>
  </si>
  <si>
    <t xml:space="preserve"> 歯科医師</t>
    <phoneticPr fontId="13"/>
  </si>
  <si>
    <t xml:space="preserve"> 医 師</t>
    <phoneticPr fontId="13"/>
  </si>
  <si>
    <t xml:space="preserve"> 清川村</t>
    <phoneticPr fontId="13"/>
  </si>
  <si>
    <t xml:space="preserve"> 愛川町</t>
    <phoneticPr fontId="13"/>
  </si>
  <si>
    <t xml:space="preserve"> 湯河原町</t>
    <phoneticPr fontId="13"/>
  </si>
  <si>
    <t xml:space="preserve"> 真鶴町</t>
    <phoneticPr fontId="13"/>
  </si>
  <si>
    <t xml:space="preserve"> 箱根町</t>
    <phoneticPr fontId="13"/>
  </si>
  <si>
    <t xml:space="preserve"> 開成町  </t>
    <phoneticPr fontId="13"/>
  </si>
  <si>
    <t xml:space="preserve"> 山北町</t>
    <phoneticPr fontId="13"/>
  </si>
  <si>
    <t xml:space="preserve"> 松田町</t>
    <phoneticPr fontId="13"/>
  </si>
  <si>
    <t xml:space="preserve"> 大井町</t>
    <phoneticPr fontId="13"/>
  </si>
  <si>
    <t xml:space="preserve"> 中井町</t>
    <phoneticPr fontId="13"/>
  </si>
  <si>
    <t xml:space="preserve"> 二宮町</t>
    <phoneticPr fontId="13"/>
  </si>
  <si>
    <t xml:space="preserve"> 大磯町</t>
    <phoneticPr fontId="13"/>
  </si>
  <si>
    <t xml:space="preserve"> 綾瀬市</t>
    <phoneticPr fontId="13"/>
  </si>
  <si>
    <t xml:space="preserve"> 寒川町</t>
    <phoneticPr fontId="13"/>
  </si>
  <si>
    <t xml:space="preserve"> 葉山町</t>
    <phoneticPr fontId="13"/>
  </si>
  <si>
    <t xml:space="preserve"> 南足柄市</t>
    <phoneticPr fontId="13"/>
  </si>
  <si>
    <t xml:space="preserve"> 座間市</t>
    <phoneticPr fontId="13"/>
  </si>
  <si>
    <t xml:space="preserve"> 海老名市</t>
    <phoneticPr fontId="13"/>
  </si>
  <si>
    <t xml:space="preserve"> 伊勢原市</t>
    <phoneticPr fontId="13"/>
  </si>
  <si>
    <t xml:space="preserve"> 大和市</t>
    <phoneticPr fontId="13"/>
  </si>
  <si>
    <t xml:space="preserve"> 厚木市</t>
    <phoneticPr fontId="13"/>
  </si>
  <si>
    <t xml:space="preserve"> 秦野市</t>
    <phoneticPr fontId="13"/>
  </si>
  <si>
    <t xml:space="preserve"> 三浦市</t>
    <phoneticPr fontId="13"/>
  </si>
  <si>
    <t xml:space="preserve"> 相模原市</t>
    <phoneticPr fontId="13"/>
  </si>
  <si>
    <t xml:space="preserve"> 逗子市</t>
    <phoneticPr fontId="13"/>
  </si>
  <si>
    <t>09</t>
  </si>
  <si>
    <t xml:space="preserve"> 茅ヶ崎市</t>
    <phoneticPr fontId="13"/>
  </si>
  <si>
    <t>08</t>
  </si>
  <si>
    <t xml:space="preserve"> 小田原市</t>
    <phoneticPr fontId="13"/>
  </si>
  <si>
    <t>07</t>
  </si>
  <si>
    <t xml:space="preserve"> 藤沢市</t>
    <phoneticPr fontId="13"/>
  </si>
  <si>
    <t>06</t>
  </si>
  <si>
    <t xml:space="preserve"> 鎌倉市</t>
    <phoneticPr fontId="13"/>
  </si>
  <si>
    <t>05</t>
  </si>
  <si>
    <t xml:space="preserve"> 平塚市</t>
    <phoneticPr fontId="13"/>
  </si>
  <si>
    <t>04</t>
  </si>
  <si>
    <t xml:space="preserve"> 横須賀市</t>
    <phoneticPr fontId="13"/>
  </si>
  <si>
    <t>03</t>
  </si>
  <si>
    <t xml:space="preserve"> 川崎市</t>
    <phoneticPr fontId="13"/>
  </si>
  <si>
    <t>02</t>
  </si>
  <si>
    <t xml:space="preserve"> 横浜市</t>
    <phoneticPr fontId="13"/>
  </si>
  <si>
    <t>01</t>
  </si>
  <si>
    <t>(%)</t>
  </si>
  <si>
    <t>(人)</t>
  </si>
  <si>
    <t>（人）</t>
  </si>
  <si>
    <t>比率</t>
  </si>
  <si>
    <t>８５歳～</t>
    <phoneticPr fontId="13"/>
  </si>
  <si>
    <t>８０歳～８４歳</t>
    <phoneticPr fontId="13"/>
  </si>
  <si>
    <t>７５歳～７９歳</t>
    <phoneticPr fontId="13"/>
  </si>
  <si>
    <t>７０歳～７４歳</t>
    <phoneticPr fontId="13"/>
  </si>
  <si>
    <t>６５歳～６９歳</t>
    <phoneticPr fontId="13"/>
  </si>
  <si>
    <t>６０歳～６４歳</t>
    <phoneticPr fontId="13"/>
  </si>
  <si>
    <t>５５歳～５９歳</t>
    <phoneticPr fontId="13"/>
  </si>
  <si>
    <t>５０歳～５４歳</t>
    <phoneticPr fontId="13"/>
  </si>
  <si>
    <t>４５歳～４９歳</t>
    <phoneticPr fontId="13"/>
  </si>
  <si>
    <t>４０歳～４４歳</t>
    <phoneticPr fontId="13"/>
  </si>
  <si>
    <t>３５歳～３９歳</t>
    <phoneticPr fontId="13"/>
  </si>
  <si>
    <t>３０歳～３４歳</t>
    <phoneticPr fontId="13"/>
  </si>
  <si>
    <t>２５歳～２９歳</t>
    <phoneticPr fontId="13"/>
  </si>
  <si>
    <t>２０歳～２４歳</t>
    <phoneticPr fontId="13"/>
  </si>
  <si>
    <t>１５歳～１９歳</t>
    <phoneticPr fontId="13"/>
  </si>
  <si>
    <t>1０歳～１４歳</t>
    <rPh sb="6" eb="7">
      <t>サイ</t>
    </rPh>
    <phoneticPr fontId="13"/>
  </si>
  <si>
    <t>５歳～９歳</t>
    <phoneticPr fontId="13"/>
  </si>
  <si>
    <t>０歳～４歳</t>
  </si>
  <si>
    <t>総数</t>
    <rPh sb="0" eb="2">
      <t>ソウスウ</t>
    </rPh>
    <phoneticPr fontId="13"/>
  </si>
  <si>
    <t>（平成１９年９月末時点）</t>
    <phoneticPr fontId="13"/>
  </si>
  <si>
    <t>（令和２年９月末時点）</t>
    <rPh sb="1" eb="3">
      <t>レイワ</t>
    </rPh>
    <phoneticPr fontId="13"/>
  </si>
  <si>
    <t>1.一般状況（２）　年齢階層別被保険者数</t>
    <phoneticPr fontId="1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0_ "/>
    <numFmt numFmtId="177" formatCode="0_ "/>
  </numFmts>
  <fonts count="15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4"/>
      <name val="Terminal"/>
      <family val="3"/>
      <charset val="255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name val="ＭＳ 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9"/>
      <color indexed="8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2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double">
        <color indexed="8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double">
        <color indexed="8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8"/>
      </bottom>
      <diagonal/>
    </border>
    <border>
      <left/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hair">
        <color indexed="8"/>
      </top>
      <bottom/>
      <diagonal/>
    </border>
    <border>
      <left style="thin">
        <color indexed="64"/>
      </left>
      <right style="hair">
        <color indexed="64"/>
      </right>
      <top style="hair">
        <color indexed="8"/>
      </top>
      <bottom/>
      <diagonal/>
    </border>
    <border>
      <left style="hair">
        <color indexed="64"/>
      </left>
      <right style="thin">
        <color indexed="64"/>
      </right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/>
      <right style="hair">
        <color indexed="64"/>
      </right>
      <top style="hair">
        <color indexed="8"/>
      </top>
      <bottom/>
      <diagonal/>
    </border>
    <border>
      <left/>
      <right style="medium">
        <color indexed="64"/>
      </right>
      <top/>
      <bottom style="hair">
        <color indexed="8"/>
      </bottom>
      <diagonal/>
    </border>
    <border>
      <left style="thin">
        <color indexed="64"/>
      </left>
      <right style="hair">
        <color indexed="64"/>
      </right>
      <top/>
      <bottom style="hair">
        <color indexed="8"/>
      </bottom>
      <diagonal/>
    </border>
    <border>
      <left style="hair">
        <color indexed="64"/>
      </left>
      <right style="thin">
        <color indexed="64"/>
      </right>
      <top/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/>
      <right style="hair">
        <color indexed="64"/>
      </right>
      <top/>
      <bottom style="hair">
        <color indexed="8"/>
      </bottom>
      <diagonal/>
    </border>
    <border>
      <left/>
      <right style="medium">
        <color indexed="64"/>
      </right>
      <top style="double">
        <color indexed="64"/>
      </top>
      <bottom style="hair">
        <color indexed="8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hair">
        <color indexed="8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hair">
        <color indexed="8"/>
      </bottom>
      <diagonal/>
    </border>
    <border>
      <left/>
      <right/>
      <top style="double">
        <color indexed="64"/>
      </top>
      <bottom style="hair">
        <color indexed="8"/>
      </bottom>
      <diagonal/>
    </border>
    <border>
      <left/>
      <right style="hair">
        <color indexed="64"/>
      </right>
      <top style="double">
        <color indexed="64"/>
      </top>
      <bottom style="hair">
        <color indexed="8"/>
      </bottom>
      <diagonal/>
    </border>
    <border>
      <left style="thin">
        <color indexed="64"/>
      </left>
      <right style="hair">
        <color indexed="64"/>
      </right>
      <top style="hair">
        <color indexed="8"/>
      </top>
      <bottom style="double">
        <color indexed="64"/>
      </bottom>
      <diagonal/>
    </border>
    <border>
      <left/>
      <right style="hair">
        <color indexed="64"/>
      </right>
      <top style="hair">
        <color indexed="8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8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8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8"/>
      </bottom>
      <diagonal/>
    </border>
    <border>
      <left/>
      <right/>
      <top style="medium">
        <color indexed="64"/>
      </top>
      <bottom style="hair">
        <color indexed="8"/>
      </bottom>
      <diagonal/>
    </border>
    <border>
      <left/>
      <right style="hair">
        <color indexed="64"/>
      </right>
      <top style="medium">
        <color indexed="64"/>
      </top>
      <bottom style="hair">
        <color indexed="8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hair">
        <color indexed="64"/>
      </right>
      <top/>
      <bottom/>
      <diagonal/>
    </border>
  </borders>
  <cellStyleXfs count="10">
    <xf numFmtId="0" fontId="0" fillId="0" borderId="0"/>
    <xf numFmtId="38" fontId="3" fillId="0" borderId="0" applyFont="0" applyFill="0" applyBorder="0" applyAlignment="0" applyProtection="0"/>
    <xf numFmtId="0" fontId="2" fillId="0" borderId="0">
      <alignment vertical="center"/>
    </xf>
    <xf numFmtId="0" fontId="3" fillId="0" borderId="0"/>
    <xf numFmtId="9" fontId="3" fillId="0" borderId="0" applyFont="0" applyFill="0" applyBorder="0" applyAlignment="0" applyProtection="0"/>
    <xf numFmtId="38" fontId="3" fillId="0" borderId="0" applyFont="0" applyFill="0" applyBorder="0" applyAlignment="0" applyProtection="0"/>
    <xf numFmtId="0" fontId="1" fillId="0" borderId="0">
      <alignment vertical="center"/>
    </xf>
    <xf numFmtId="38" fontId="12" fillId="0" borderId="0" applyFont="0" applyFill="0" applyBorder="0" applyAlignment="0" applyProtection="0"/>
    <xf numFmtId="37" fontId="4" fillId="0" borderId="0"/>
    <xf numFmtId="0" fontId="12" fillId="0" borderId="0"/>
  </cellStyleXfs>
  <cellXfs count="287">
    <xf numFmtId="0" fontId="0" fillId="0" borderId="0" xfId="0"/>
    <xf numFmtId="38" fontId="8" fillId="0" borderId="0" xfId="1" applyFont="1" applyBorder="1" applyAlignment="1" applyProtection="1">
      <alignment vertical="center"/>
    </xf>
    <xf numFmtId="38" fontId="8" fillId="0" borderId="0" xfId="1" applyFont="1" applyBorder="1" applyAlignment="1" applyProtection="1">
      <alignment horizontal="left" vertical="center"/>
    </xf>
    <xf numFmtId="38" fontId="8" fillId="0" borderId="0" xfId="1" applyFont="1"/>
    <xf numFmtId="38" fontId="3" fillId="0" borderId="0" xfId="1" applyFont="1"/>
    <xf numFmtId="38" fontId="8" fillId="0" borderId="0" xfId="1" applyFont="1" applyAlignment="1">
      <alignment horizontal="right"/>
    </xf>
    <xf numFmtId="38" fontId="8" fillId="0" borderId="0" xfId="1" quotePrefix="1" applyFont="1" applyBorder="1" applyAlignment="1">
      <alignment horizontal="center"/>
    </xf>
    <xf numFmtId="38" fontId="8" fillId="0" borderId="0" xfId="1" applyFont="1" applyBorder="1" applyAlignment="1">
      <alignment horizontal="center"/>
    </xf>
    <xf numFmtId="38" fontId="8" fillId="0" borderId="5" xfId="1" applyFont="1" applyBorder="1"/>
    <xf numFmtId="38" fontId="8" fillId="0" borderId="0" xfId="1" applyFont="1" applyBorder="1"/>
    <xf numFmtId="40" fontId="8" fillId="0" borderId="0" xfId="1" applyNumberFormat="1" applyFont="1"/>
    <xf numFmtId="40" fontId="8" fillId="0" borderId="0" xfId="1" applyNumberFormat="1" applyFont="1" applyBorder="1" applyAlignment="1">
      <alignment horizontal="center"/>
    </xf>
    <xf numFmtId="38" fontId="8" fillId="0" borderId="0" xfId="1" applyFont="1" applyBorder="1" applyAlignment="1"/>
    <xf numFmtId="38" fontId="8" fillId="0" borderId="0" xfId="1" applyFont="1" applyBorder="1" applyAlignment="1" applyProtection="1">
      <alignment horizontal="centerContinuous" vertical="center"/>
    </xf>
    <xf numFmtId="38" fontId="8" fillId="0" borderId="0" xfId="1" applyFont="1" applyBorder="1" applyAlignment="1">
      <alignment horizontal="right"/>
    </xf>
    <xf numFmtId="40" fontId="8" fillId="0" borderId="0" xfId="1" applyNumberFormat="1" applyFont="1" applyBorder="1"/>
    <xf numFmtId="38" fontId="8" fillId="0" borderId="0" xfId="1" applyFont="1" applyBorder="1" applyAlignment="1">
      <alignment horizontal="centerContinuous" vertical="center"/>
    </xf>
    <xf numFmtId="38" fontId="8" fillId="0" borderId="0" xfId="1" applyFont="1" applyAlignment="1">
      <alignment horizontal="center"/>
    </xf>
    <xf numFmtId="38" fontId="10" fillId="0" borderId="0" xfId="1" applyFont="1" applyBorder="1"/>
    <xf numFmtId="40" fontId="8" fillId="0" borderId="0" xfId="1" applyNumberFormat="1" applyFont="1" applyBorder="1" applyAlignment="1"/>
    <xf numFmtId="38" fontId="8" fillId="0" borderId="0" xfId="1" applyFont="1" applyFill="1"/>
    <xf numFmtId="38" fontId="11" fillId="0" borderId="5" xfId="1" applyFont="1" applyBorder="1"/>
    <xf numFmtId="38" fontId="11" fillId="0" borderId="9" xfId="1" applyFont="1" applyBorder="1"/>
    <xf numFmtId="38" fontId="11" fillId="0" borderId="49" xfId="1" applyFont="1" applyBorder="1" applyAlignment="1" applyProtection="1">
      <alignment horizontal="left" vertical="center"/>
    </xf>
    <xf numFmtId="38" fontId="3" fillId="0" borderId="0" xfId="1" applyFont="1" applyFill="1"/>
    <xf numFmtId="2" fontId="8" fillId="0" borderId="42" xfId="1" applyNumberFormat="1" applyFont="1" applyFill="1" applyBorder="1"/>
    <xf numFmtId="177" fontId="8" fillId="0" borderId="15" xfId="1" applyNumberFormat="1" applyFont="1" applyFill="1" applyBorder="1"/>
    <xf numFmtId="2" fontId="8" fillId="0" borderId="10" xfId="1" applyNumberFormat="1" applyFont="1" applyFill="1" applyBorder="1"/>
    <xf numFmtId="177" fontId="8" fillId="0" borderId="27" xfId="1" applyNumberFormat="1" applyFont="1" applyFill="1" applyBorder="1"/>
    <xf numFmtId="40" fontId="8" fillId="0" borderId="42" xfId="1" applyNumberFormat="1" applyFont="1" applyFill="1" applyBorder="1" applyAlignment="1">
      <alignment horizontal="center"/>
    </xf>
    <xf numFmtId="40" fontId="8" fillId="0" borderId="15" xfId="1" applyNumberFormat="1" applyFont="1" applyFill="1" applyBorder="1" applyAlignment="1">
      <alignment horizontal="center"/>
    </xf>
    <xf numFmtId="40" fontId="8" fillId="0" borderId="31" xfId="1" applyNumberFormat="1" applyFont="1" applyFill="1" applyBorder="1" applyAlignment="1">
      <alignment horizontal="center"/>
    </xf>
    <xf numFmtId="40" fontId="8" fillId="0" borderId="16" xfId="1" applyNumberFormat="1" applyFont="1" applyFill="1" applyBorder="1" applyAlignment="1">
      <alignment horizontal="center"/>
    </xf>
    <xf numFmtId="2" fontId="8" fillId="0" borderId="58" xfId="1" applyNumberFormat="1" applyFont="1" applyFill="1" applyBorder="1"/>
    <xf numFmtId="2" fontId="8" fillId="0" borderId="77" xfId="1" applyNumberFormat="1" applyFont="1" applyFill="1" applyBorder="1"/>
    <xf numFmtId="2" fontId="8" fillId="0" borderId="74" xfId="1" applyNumberFormat="1" applyFont="1" applyFill="1" applyBorder="1"/>
    <xf numFmtId="2" fontId="8" fillId="0" borderId="39" xfId="1" applyNumberFormat="1" applyFont="1" applyFill="1" applyBorder="1"/>
    <xf numFmtId="38" fontId="8" fillId="0" borderId="0" xfId="1" applyFont="1" applyBorder="1" applyAlignment="1">
      <alignment horizontal="center"/>
    </xf>
    <xf numFmtId="40" fontId="8" fillId="0" borderId="5" xfId="1" applyNumberFormat="1" applyFont="1" applyBorder="1"/>
    <xf numFmtId="4" fontId="8" fillId="0" borderId="5" xfId="1" applyNumberFormat="1" applyFont="1" applyBorder="1"/>
    <xf numFmtId="38" fontId="8" fillId="0" borderId="5" xfId="1" applyFont="1" applyBorder="1" applyAlignment="1">
      <alignment horizontal="right"/>
    </xf>
    <xf numFmtId="38" fontId="8" fillId="0" borderId="66" xfId="1" applyFont="1" applyBorder="1" applyAlignment="1" applyProtection="1">
      <alignment vertical="center"/>
    </xf>
    <xf numFmtId="3" fontId="8" fillId="0" borderId="6" xfId="1" applyNumberFormat="1" applyFont="1" applyBorder="1"/>
    <xf numFmtId="38" fontId="8" fillId="0" borderId="23" xfId="1" applyFont="1" applyBorder="1" applyAlignment="1">
      <alignment horizontal="right"/>
    </xf>
    <xf numFmtId="2" fontId="8" fillId="0" borderId="4" xfId="1" applyNumberFormat="1" applyFont="1" applyFill="1" applyBorder="1"/>
    <xf numFmtId="38" fontId="11" fillId="0" borderId="5" xfId="1" applyFont="1" applyBorder="1" applyAlignment="1" applyProtection="1">
      <alignment horizontal="left" vertical="center"/>
    </xf>
    <xf numFmtId="38" fontId="8" fillId="0" borderId="5" xfId="1" applyFont="1" applyBorder="1" applyAlignment="1" applyProtection="1">
      <alignment horizontal="center" vertical="center"/>
    </xf>
    <xf numFmtId="40" fontId="8" fillId="0" borderId="9" xfId="1" applyNumberFormat="1" applyFont="1" applyBorder="1"/>
    <xf numFmtId="38" fontId="8" fillId="0" borderId="9" xfId="1" applyFont="1" applyBorder="1"/>
    <xf numFmtId="4" fontId="8" fillId="0" borderId="9" xfId="1" applyNumberFormat="1" applyFont="1" applyBorder="1"/>
    <xf numFmtId="38" fontId="8" fillId="0" borderId="9" xfId="1" applyFont="1" applyBorder="1" applyAlignment="1">
      <alignment horizontal="right"/>
    </xf>
    <xf numFmtId="40" fontId="8" fillId="0" borderId="49" xfId="1" applyNumberFormat="1" applyFont="1" applyBorder="1"/>
    <xf numFmtId="38" fontId="8" fillId="0" borderId="49" xfId="1" applyFont="1" applyBorder="1"/>
    <xf numFmtId="38" fontId="8" fillId="0" borderId="49" xfId="1" applyFont="1" applyBorder="1" applyAlignment="1" applyProtection="1">
      <alignment horizontal="center" vertical="center"/>
    </xf>
    <xf numFmtId="4" fontId="8" fillId="0" borderId="49" xfId="1" applyNumberFormat="1" applyFont="1" applyBorder="1"/>
    <xf numFmtId="38" fontId="8" fillId="0" borderId="49" xfId="1" applyFont="1" applyBorder="1" applyAlignment="1">
      <alignment horizontal="right"/>
    </xf>
    <xf numFmtId="38" fontId="11" fillId="0" borderId="9" xfId="1" applyFont="1" applyBorder="1" applyAlignment="1" applyProtection="1">
      <alignment horizontal="left" vertical="center"/>
    </xf>
    <xf numFmtId="38" fontId="8" fillId="0" borderId="9" xfId="1" applyFont="1" applyBorder="1" applyAlignment="1" applyProtection="1">
      <alignment horizontal="center" vertical="center"/>
    </xf>
    <xf numFmtId="40" fontId="8" fillId="0" borderId="30" xfId="1" applyNumberFormat="1" applyFont="1" applyBorder="1"/>
    <xf numFmtId="38" fontId="8" fillId="0" borderId="30" xfId="1" applyFont="1" applyBorder="1" applyAlignment="1" applyProtection="1">
      <alignment horizontal="center" vertical="center"/>
    </xf>
    <xf numFmtId="40" fontId="8" fillId="0" borderId="30" xfId="1" applyNumberFormat="1" applyFont="1" applyFill="1" applyBorder="1"/>
    <xf numFmtId="4" fontId="8" fillId="0" borderId="30" xfId="1" applyNumberFormat="1" applyFont="1" applyBorder="1"/>
    <xf numFmtId="38" fontId="8" fillId="0" borderId="30" xfId="1" applyFont="1" applyBorder="1" applyAlignment="1">
      <alignment horizontal="right"/>
    </xf>
    <xf numFmtId="38" fontId="8" fillId="0" borderId="67" xfId="1" applyFont="1" applyBorder="1" applyAlignment="1" applyProtection="1">
      <alignment vertical="center"/>
    </xf>
    <xf numFmtId="3" fontId="8" fillId="0" borderId="22" xfId="1" applyNumberFormat="1" applyFont="1" applyBorder="1"/>
    <xf numFmtId="38" fontId="8" fillId="0" borderId="86" xfId="1" applyFont="1" applyBorder="1" applyAlignment="1" applyProtection="1">
      <alignment vertical="center"/>
    </xf>
    <xf numFmtId="3" fontId="8" fillId="0" borderId="63" xfId="1" applyNumberFormat="1" applyFont="1" applyBorder="1"/>
    <xf numFmtId="3" fontId="8" fillId="0" borderId="50" xfId="1" applyNumberFormat="1" applyFont="1" applyBorder="1"/>
    <xf numFmtId="40" fontId="8" fillId="0" borderId="23" xfId="1" applyNumberFormat="1" applyFont="1" applyBorder="1"/>
    <xf numFmtId="38" fontId="8" fillId="0" borderId="23" xfId="1" applyFont="1" applyBorder="1" applyAlignment="1" applyProtection="1">
      <alignment horizontal="center" vertical="center"/>
    </xf>
    <xf numFmtId="4" fontId="8" fillId="0" borderId="23" xfId="1" applyNumberFormat="1" applyFont="1" applyBorder="1"/>
    <xf numFmtId="3" fontId="8" fillId="0" borderId="24" xfId="1" applyNumberFormat="1" applyFont="1" applyBorder="1"/>
    <xf numFmtId="2" fontId="8" fillId="0" borderId="1" xfId="1" applyNumberFormat="1" applyFont="1" applyFill="1" applyBorder="1"/>
    <xf numFmtId="40" fontId="8" fillId="0" borderId="4" xfId="1" applyNumberFormat="1" applyFont="1" applyFill="1" applyBorder="1" applyAlignment="1">
      <alignment horizontal="center"/>
    </xf>
    <xf numFmtId="40" fontId="8" fillId="0" borderId="28" xfId="1" applyNumberFormat="1" applyFont="1" applyFill="1" applyBorder="1" applyAlignment="1">
      <alignment horizontal="center"/>
    </xf>
    <xf numFmtId="2" fontId="8" fillId="0" borderId="48" xfId="1" applyNumberFormat="1" applyFont="1" applyFill="1" applyBorder="1"/>
    <xf numFmtId="2" fontId="8" fillId="0" borderId="45" xfId="1" applyNumberFormat="1" applyFont="1" applyFill="1" applyBorder="1"/>
    <xf numFmtId="2" fontId="8" fillId="0" borderId="33" xfId="1" applyNumberFormat="1" applyFont="1" applyFill="1" applyBorder="1"/>
    <xf numFmtId="2" fontId="8" fillId="0" borderId="35" xfId="1" applyNumberFormat="1" applyFont="1" applyFill="1" applyBorder="1"/>
    <xf numFmtId="40" fontId="8" fillId="0" borderId="33" xfId="1" applyNumberFormat="1" applyFont="1" applyFill="1" applyBorder="1" applyAlignment="1">
      <alignment horizontal="center"/>
    </xf>
    <xf numFmtId="40" fontId="8" fillId="0" borderId="36" xfId="1" applyNumberFormat="1" applyFont="1" applyFill="1" applyBorder="1" applyAlignment="1">
      <alignment horizontal="center"/>
    </xf>
    <xf numFmtId="2" fontId="8" fillId="0" borderId="81" xfId="1" applyNumberFormat="1" applyFont="1" applyFill="1" applyBorder="1"/>
    <xf numFmtId="2" fontId="8" fillId="0" borderId="38" xfId="1" applyNumberFormat="1" applyFont="1" applyFill="1" applyBorder="1"/>
    <xf numFmtId="1" fontId="8" fillId="0" borderId="15" xfId="1" applyNumberFormat="1" applyFont="1" applyFill="1" applyBorder="1"/>
    <xf numFmtId="1" fontId="8" fillId="0" borderId="27" xfId="1" applyNumberFormat="1" applyFont="1" applyFill="1" applyBorder="1"/>
    <xf numFmtId="1" fontId="8" fillId="0" borderId="15" xfId="1" applyNumberFormat="1" applyFont="1" applyFill="1" applyBorder="1" applyAlignment="1">
      <alignment horizontal="center"/>
    </xf>
    <xf numFmtId="1" fontId="8" fillId="0" borderId="16" xfId="1" applyNumberFormat="1" applyFont="1" applyFill="1" applyBorder="1" applyAlignment="1">
      <alignment horizontal="center"/>
    </xf>
    <xf numFmtId="1" fontId="8" fillId="0" borderId="77" xfId="1" applyNumberFormat="1" applyFont="1" applyFill="1" applyBorder="1"/>
    <xf numFmtId="1" fontId="8" fillId="0" borderId="39" xfId="1" applyNumberFormat="1" applyFont="1" applyFill="1" applyBorder="1"/>
    <xf numFmtId="38" fontId="8" fillId="0" borderId="0" xfId="1" applyFont="1" applyBorder="1" applyAlignment="1">
      <alignment horizontal="center"/>
    </xf>
    <xf numFmtId="38" fontId="8" fillId="0" borderId="36" xfId="1" applyFont="1" applyFill="1" applyBorder="1" applyAlignment="1">
      <alignment horizontal="center"/>
    </xf>
    <xf numFmtId="38" fontId="8" fillId="0" borderId="16" xfId="1" applyFont="1" applyFill="1" applyBorder="1" applyAlignment="1">
      <alignment horizontal="center"/>
    </xf>
    <xf numFmtId="38" fontId="8" fillId="0" borderId="69" xfId="1" quotePrefix="1" applyFont="1" applyFill="1" applyBorder="1" applyAlignment="1">
      <alignment horizontal="center"/>
    </xf>
    <xf numFmtId="38" fontId="8" fillId="0" borderId="11" xfId="1" applyFont="1" applyFill="1" applyBorder="1" applyAlignment="1">
      <alignment horizontal="center"/>
    </xf>
    <xf numFmtId="38" fontId="8" fillId="0" borderId="26" xfId="1" applyFont="1" applyFill="1" applyBorder="1" applyAlignment="1">
      <alignment horizontal="center"/>
    </xf>
    <xf numFmtId="38" fontId="8" fillId="0" borderId="70" xfId="1" applyFont="1" applyFill="1" applyBorder="1" applyAlignment="1">
      <alignment horizontal="center"/>
    </xf>
    <xf numFmtId="38" fontId="8" fillId="0" borderId="21" xfId="1" quotePrefix="1" applyFont="1" applyFill="1" applyBorder="1" applyAlignment="1">
      <alignment horizontal="center"/>
    </xf>
    <xf numFmtId="38" fontId="8" fillId="0" borderId="21" xfId="1" applyFont="1" applyFill="1" applyBorder="1" applyAlignment="1">
      <alignment horizontal="center"/>
    </xf>
    <xf numFmtId="38" fontId="8" fillId="0" borderId="21" xfId="1" applyFont="1" applyFill="1" applyBorder="1" applyAlignment="1">
      <alignment horizontal="center" shrinkToFit="1"/>
    </xf>
    <xf numFmtId="38" fontId="8" fillId="0" borderId="29" xfId="1" quotePrefix="1" applyFont="1" applyFill="1" applyBorder="1" applyAlignment="1">
      <alignment horizontal="center"/>
    </xf>
    <xf numFmtId="38" fontId="8" fillId="0" borderId="0" xfId="7" applyFont="1" applyFill="1"/>
    <xf numFmtId="40" fontId="8" fillId="0" borderId="0" xfId="7" applyNumberFormat="1" applyFont="1" applyFill="1"/>
    <xf numFmtId="40" fontId="9" fillId="0" borderId="62" xfId="7" applyNumberFormat="1" applyFont="1" applyFill="1" applyBorder="1" applyProtection="1">
      <protection locked="0"/>
    </xf>
    <xf numFmtId="38" fontId="9" fillId="0" borderId="88" xfId="7" applyFont="1" applyFill="1" applyBorder="1" applyProtection="1"/>
    <xf numFmtId="40" fontId="9" fillId="0" borderId="89" xfId="7" applyNumberFormat="1" applyFont="1" applyFill="1" applyBorder="1" applyProtection="1">
      <protection locked="0"/>
    </xf>
    <xf numFmtId="40" fontId="9" fillId="0" borderId="8" xfId="7" applyNumberFormat="1" applyFont="1" applyFill="1" applyBorder="1" applyProtection="1">
      <protection locked="0"/>
    </xf>
    <xf numFmtId="38" fontId="9" fillId="0" borderId="90" xfId="7" applyFont="1" applyFill="1" applyBorder="1" applyProtection="1"/>
    <xf numFmtId="40" fontId="9" fillId="0" borderId="24" xfId="7" applyNumberFormat="1" applyFont="1" applyFill="1" applyBorder="1" applyProtection="1">
      <protection locked="0"/>
    </xf>
    <xf numFmtId="38" fontId="9" fillId="0" borderId="23" xfId="7" applyFont="1" applyFill="1" applyBorder="1" applyProtection="1"/>
    <xf numFmtId="40" fontId="9" fillId="0" borderId="23" xfId="7" applyNumberFormat="1" applyFont="1" applyFill="1" applyBorder="1" applyProtection="1">
      <protection locked="0"/>
    </xf>
    <xf numFmtId="40" fontId="9" fillId="0" borderId="91" xfId="7" applyNumberFormat="1" applyFont="1" applyFill="1" applyBorder="1" applyProtection="1">
      <protection locked="0"/>
    </xf>
    <xf numFmtId="38" fontId="9" fillId="0" borderId="92" xfId="7" applyFont="1" applyFill="1" applyBorder="1" applyProtection="1"/>
    <xf numFmtId="40" fontId="9" fillId="0" borderId="93" xfId="7" applyNumberFormat="1" applyFont="1" applyFill="1" applyBorder="1" applyProtection="1">
      <protection locked="0"/>
    </xf>
    <xf numFmtId="40" fontId="9" fillId="0" borderId="80" xfId="7" applyNumberFormat="1" applyFont="1" applyFill="1" applyBorder="1" applyProtection="1">
      <protection locked="0"/>
    </xf>
    <xf numFmtId="38" fontId="9" fillId="0" borderId="94" xfId="7" applyFont="1" applyFill="1" applyBorder="1" applyProtection="1"/>
    <xf numFmtId="40" fontId="9" fillId="0" borderId="50" xfId="7" applyNumberFormat="1" applyFont="1" applyFill="1" applyBorder="1" applyProtection="1">
      <protection locked="0"/>
    </xf>
    <xf numFmtId="38" fontId="9" fillId="0" borderId="30" xfId="7" applyFont="1" applyFill="1" applyBorder="1" applyProtection="1"/>
    <xf numFmtId="40" fontId="9" fillId="0" borderId="30" xfId="7" applyNumberFormat="1" applyFont="1" applyFill="1" applyBorder="1" applyProtection="1">
      <protection locked="0"/>
    </xf>
    <xf numFmtId="40" fontId="9" fillId="0" borderId="51" xfId="7" applyNumberFormat="1" applyFont="1" applyFill="1" applyBorder="1" applyProtection="1">
      <protection locked="0"/>
    </xf>
    <xf numFmtId="38" fontId="9" fillId="0" borderId="37" xfId="7" applyFont="1" applyFill="1" applyBorder="1" applyProtection="1">
      <protection locked="0"/>
    </xf>
    <xf numFmtId="40" fontId="9" fillId="0" borderId="95" xfId="7" applyNumberFormat="1" applyFont="1" applyFill="1" applyBorder="1" applyProtection="1">
      <protection locked="0"/>
    </xf>
    <xf numFmtId="40" fontId="9" fillId="0" borderId="55" xfId="7" applyNumberFormat="1" applyFont="1" applyFill="1" applyBorder="1" applyProtection="1">
      <protection locked="0"/>
    </xf>
    <xf numFmtId="38" fontId="9" fillId="0" borderId="96" xfId="7" applyFont="1" applyFill="1" applyBorder="1" applyProtection="1">
      <protection locked="0"/>
    </xf>
    <xf numFmtId="38" fontId="9" fillId="0" borderId="30" xfId="7" applyFont="1" applyFill="1" applyBorder="1" applyProtection="1">
      <protection locked="0"/>
    </xf>
    <xf numFmtId="40" fontId="9" fillId="0" borderId="97" xfId="7" applyNumberFormat="1" applyFont="1" applyFill="1" applyBorder="1" applyProtection="1">
      <protection locked="0"/>
    </xf>
    <xf numFmtId="38" fontId="9" fillId="0" borderId="98" xfId="7" applyFont="1" applyFill="1" applyBorder="1" applyProtection="1">
      <protection locked="0"/>
    </xf>
    <xf numFmtId="40" fontId="9" fillId="0" borderId="99" xfId="7" applyNumberFormat="1" applyFont="1" applyFill="1" applyBorder="1" applyProtection="1">
      <protection locked="0"/>
    </xf>
    <xf numFmtId="40" fontId="9" fillId="0" borderId="100" xfId="7" applyNumberFormat="1" applyFont="1" applyFill="1" applyBorder="1" applyProtection="1">
      <protection locked="0"/>
    </xf>
    <xf numFmtId="38" fontId="9" fillId="0" borderId="101" xfId="7" applyFont="1" applyFill="1" applyBorder="1" applyProtection="1">
      <protection locked="0"/>
    </xf>
    <xf numFmtId="40" fontId="9" fillId="0" borderId="22" xfId="7" applyNumberFormat="1" applyFont="1" applyFill="1" applyBorder="1" applyProtection="1">
      <protection locked="0"/>
    </xf>
    <xf numFmtId="38" fontId="9" fillId="0" borderId="9" xfId="7" applyFont="1" applyFill="1" applyBorder="1" applyProtection="1">
      <protection locked="0"/>
    </xf>
    <xf numFmtId="40" fontId="9" fillId="0" borderId="9" xfId="7" applyNumberFormat="1" applyFont="1" applyFill="1" applyBorder="1" applyProtection="1">
      <protection locked="0"/>
    </xf>
    <xf numFmtId="38" fontId="14" fillId="0" borderId="9" xfId="7" applyFont="1" applyFill="1" applyBorder="1"/>
    <xf numFmtId="38" fontId="9" fillId="0" borderId="68" xfId="7" applyFont="1" applyFill="1" applyBorder="1"/>
    <xf numFmtId="40" fontId="9" fillId="0" borderId="102" xfId="7" applyNumberFormat="1" applyFont="1" applyFill="1" applyBorder="1" applyProtection="1">
      <protection locked="0"/>
    </xf>
    <xf numFmtId="38" fontId="9" fillId="0" borderId="103" xfId="7" applyFont="1" applyFill="1" applyBorder="1" applyProtection="1">
      <protection locked="0"/>
    </xf>
    <xf numFmtId="40" fontId="9" fillId="0" borderId="104" xfId="7" applyNumberFormat="1" applyFont="1" applyFill="1" applyBorder="1" applyProtection="1">
      <protection locked="0"/>
    </xf>
    <xf numFmtId="40" fontId="9" fillId="0" borderId="105" xfId="7" applyNumberFormat="1" applyFont="1" applyFill="1" applyBorder="1" applyProtection="1">
      <protection locked="0"/>
    </xf>
    <xf numFmtId="38" fontId="9" fillId="0" borderId="106" xfId="7" applyFont="1" applyFill="1" applyBorder="1" applyProtection="1">
      <protection locked="0"/>
    </xf>
    <xf numFmtId="40" fontId="9" fillId="0" borderId="6" xfId="7" applyNumberFormat="1" applyFont="1" applyFill="1" applyBorder="1" applyProtection="1">
      <protection locked="0"/>
    </xf>
    <xf numFmtId="38" fontId="9" fillId="0" borderId="5" xfId="7" applyFont="1" applyFill="1" applyBorder="1" applyProtection="1">
      <protection locked="0"/>
    </xf>
    <xf numFmtId="40" fontId="9" fillId="0" borderId="5" xfId="7" applyNumberFormat="1" applyFont="1" applyFill="1" applyBorder="1" applyProtection="1">
      <protection locked="0"/>
    </xf>
    <xf numFmtId="38" fontId="14" fillId="0" borderId="5" xfId="7" applyFont="1" applyFill="1" applyBorder="1"/>
    <xf numFmtId="38" fontId="9" fillId="0" borderId="44" xfId="7" applyFont="1" applyFill="1" applyBorder="1"/>
    <xf numFmtId="40" fontId="9" fillId="0" borderId="107" xfId="7" applyNumberFormat="1" applyFont="1" applyFill="1" applyBorder="1" applyProtection="1">
      <protection locked="0"/>
    </xf>
    <xf numFmtId="38" fontId="9" fillId="0" borderId="108" xfId="7" applyFont="1" applyFill="1" applyBorder="1" applyProtection="1">
      <protection locked="0"/>
    </xf>
    <xf numFmtId="40" fontId="9" fillId="0" borderId="109" xfId="7" applyNumberFormat="1" applyFont="1" applyFill="1" applyBorder="1" applyProtection="1">
      <protection locked="0"/>
    </xf>
    <xf numFmtId="40" fontId="9" fillId="0" borderId="110" xfId="7" applyNumberFormat="1" applyFont="1" applyFill="1" applyBorder="1" applyProtection="1">
      <protection locked="0"/>
    </xf>
    <xf numFmtId="38" fontId="9" fillId="0" borderId="111" xfId="7" applyFont="1" applyFill="1" applyBorder="1" applyProtection="1">
      <protection locked="0"/>
    </xf>
    <xf numFmtId="40" fontId="9" fillId="0" borderId="63" xfId="7" applyNumberFormat="1" applyFont="1" applyFill="1" applyBorder="1" applyProtection="1">
      <protection locked="0"/>
    </xf>
    <xf numFmtId="38" fontId="9" fillId="0" borderId="49" xfId="7" applyFont="1" applyFill="1" applyBorder="1" applyProtection="1">
      <protection locked="0"/>
    </xf>
    <xf numFmtId="40" fontId="9" fillId="0" borderId="49" xfId="7" applyNumberFormat="1" applyFont="1" applyFill="1" applyBorder="1" applyProtection="1">
      <protection locked="0"/>
    </xf>
    <xf numFmtId="38" fontId="14" fillId="0" borderId="49" xfId="7" applyFont="1" applyFill="1" applyBorder="1"/>
    <xf numFmtId="38" fontId="9" fillId="0" borderId="65" xfId="7" applyFont="1" applyFill="1" applyBorder="1"/>
    <xf numFmtId="38" fontId="9" fillId="0" borderId="112" xfId="7" applyFont="1" applyFill="1" applyBorder="1" applyProtection="1">
      <protection locked="0"/>
    </xf>
    <xf numFmtId="38" fontId="9" fillId="0" borderId="113" xfId="7" applyFont="1" applyFill="1" applyBorder="1" applyProtection="1">
      <protection locked="0"/>
    </xf>
    <xf numFmtId="38" fontId="9" fillId="0" borderId="44" xfId="7" applyFont="1" applyFill="1" applyBorder="1" applyAlignment="1">
      <alignment horizontal="right"/>
    </xf>
    <xf numFmtId="40" fontId="9" fillId="0" borderId="114" xfId="7" applyNumberFormat="1" applyFont="1" applyFill="1" applyBorder="1" applyProtection="1">
      <protection locked="0"/>
    </xf>
    <xf numFmtId="38" fontId="9" fillId="0" borderId="115" xfId="7" applyFont="1" applyFill="1" applyBorder="1" applyProtection="1">
      <protection locked="0"/>
    </xf>
    <xf numFmtId="40" fontId="9" fillId="0" borderId="116" xfId="7" applyNumberFormat="1" applyFont="1" applyFill="1" applyBorder="1" applyProtection="1">
      <protection locked="0"/>
    </xf>
    <xf numFmtId="40" fontId="9" fillId="0" borderId="117" xfId="7" applyNumberFormat="1" applyFont="1" applyFill="1" applyBorder="1" applyProtection="1">
      <protection locked="0"/>
    </xf>
    <xf numFmtId="38" fontId="9" fillId="0" borderId="118" xfId="7" applyFont="1" applyFill="1" applyBorder="1" applyProtection="1">
      <protection locked="0"/>
    </xf>
    <xf numFmtId="40" fontId="9" fillId="0" borderId="3" xfId="7" applyNumberFormat="1" applyFont="1" applyFill="1" applyBorder="1" applyProtection="1">
      <protection locked="0"/>
    </xf>
    <xf numFmtId="38" fontId="9" fillId="0" borderId="2" xfId="7" applyFont="1" applyFill="1" applyBorder="1" applyProtection="1">
      <protection locked="0"/>
    </xf>
    <xf numFmtId="40" fontId="9" fillId="0" borderId="2" xfId="7" applyNumberFormat="1" applyFont="1" applyFill="1" applyBorder="1" applyProtection="1">
      <protection locked="0"/>
    </xf>
    <xf numFmtId="38" fontId="14" fillId="0" borderId="2" xfId="7" applyFont="1" applyFill="1" applyBorder="1"/>
    <xf numFmtId="38" fontId="9" fillId="0" borderId="119" xfId="7" applyFont="1" applyFill="1" applyBorder="1" applyAlignment="1">
      <alignment horizontal="right"/>
    </xf>
    <xf numFmtId="38" fontId="8" fillId="0" borderId="0" xfId="7" applyFont="1" applyFill="1" applyBorder="1"/>
    <xf numFmtId="38" fontId="8" fillId="0" borderId="62" xfId="7" applyFont="1" applyFill="1" applyBorder="1" applyAlignment="1">
      <alignment horizontal="center"/>
    </xf>
    <xf numFmtId="38" fontId="8" fillId="0" borderId="90" xfId="7" applyFont="1" applyFill="1" applyBorder="1" applyAlignment="1">
      <alignment horizontal="center"/>
    </xf>
    <xf numFmtId="38" fontId="8" fillId="0" borderId="60" xfId="7" applyFont="1" applyFill="1" applyBorder="1" applyAlignment="1">
      <alignment horizontal="center"/>
    </xf>
    <xf numFmtId="38" fontId="8" fillId="0" borderId="64" xfId="7" applyFont="1" applyFill="1" applyBorder="1" applyAlignment="1">
      <alignment horizontal="center"/>
    </xf>
    <xf numFmtId="38" fontId="8" fillId="0" borderId="61" xfId="7" applyFont="1" applyFill="1" applyBorder="1" applyAlignment="1">
      <alignment horizontal="center"/>
    </xf>
    <xf numFmtId="38" fontId="8" fillId="0" borderId="61" xfId="7" quotePrefix="1" applyFont="1" applyFill="1" applyBorder="1" applyAlignment="1">
      <alignment horizontal="center"/>
    </xf>
    <xf numFmtId="38" fontId="8" fillId="0" borderId="41" xfId="7" applyFont="1" applyFill="1" applyBorder="1" applyAlignment="1">
      <alignment horizontal="distributed" justifyLastLine="1"/>
    </xf>
    <xf numFmtId="38" fontId="8" fillId="0" borderId="120" xfId="7" applyFont="1" applyFill="1" applyBorder="1" applyAlignment="1">
      <alignment horizontal="distributed" justifyLastLine="1"/>
    </xf>
    <xf numFmtId="38" fontId="8" fillId="0" borderId="43" xfId="7" applyFont="1" applyFill="1" applyBorder="1" applyAlignment="1">
      <alignment horizontal="distributed" justifyLastLine="1"/>
    </xf>
    <xf numFmtId="38" fontId="8" fillId="0" borderId="29" xfId="7" applyFont="1" applyFill="1" applyBorder="1" applyAlignment="1">
      <alignment horizontal="distributed" justifyLastLine="1"/>
    </xf>
    <xf numFmtId="38" fontId="8" fillId="0" borderId="21" xfId="7" applyFont="1" applyFill="1" applyBorder="1" applyAlignment="1">
      <alignment horizontal="distributed" justifyLastLine="1"/>
    </xf>
    <xf numFmtId="38" fontId="8" fillId="0" borderId="0" xfId="7" applyFont="1" applyFill="1" applyAlignment="1">
      <alignment vertical="center"/>
    </xf>
    <xf numFmtId="38" fontId="8" fillId="0" borderId="40" xfId="7" applyFont="1" applyFill="1" applyBorder="1" applyAlignment="1">
      <alignment horizontal="centerContinuous"/>
    </xf>
    <xf numFmtId="38" fontId="8" fillId="0" borderId="53" xfId="7" quotePrefix="1" applyFont="1" applyFill="1" applyBorder="1" applyAlignment="1">
      <alignment horizontal="centerContinuous"/>
    </xf>
    <xf numFmtId="38" fontId="8" fillId="0" borderId="72" xfId="7" applyFont="1" applyFill="1" applyBorder="1" applyAlignment="1">
      <alignment horizontal="centerContinuous"/>
    </xf>
    <xf numFmtId="38" fontId="8" fillId="0" borderId="75" xfId="7" applyFont="1" applyFill="1" applyBorder="1" applyAlignment="1">
      <alignment horizontal="centerContinuous"/>
    </xf>
    <xf numFmtId="38" fontId="8" fillId="0" borderId="52" xfId="7" quotePrefix="1" applyFont="1" applyFill="1" applyBorder="1" applyAlignment="1">
      <alignment horizontal="centerContinuous"/>
    </xf>
    <xf numFmtId="38" fontId="8" fillId="0" borderId="52" xfId="7" applyFont="1" applyFill="1" applyBorder="1" applyAlignment="1">
      <alignment horizontal="centerContinuous"/>
    </xf>
    <xf numFmtId="38" fontId="8" fillId="0" borderId="0" xfId="7" applyFont="1" applyFill="1" applyAlignment="1">
      <alignment horizontal="right"/>
    </xf>
    <xf numFmtId="38" fontId="6" fillId="0" borderId="0" xfId="7" applyFont="1" applyFill="1" applyAlignment="1">
      <alignment horizontal="right" shrinkToFit="1"/>
    </xf>
    <xf numFmtId="38" fontId="10" fillId="0" borderId="0" xfId="7" applyFont="1" applyFill="1"/>
    <xf numFmtId="38" fontId="10" fillId="0" borderId="0" xfId="7" applyFont="1" applyFill="1" applyAlignment="1"/>
    <xf numFmtId="38" fontId="3" fillId="0" borderId="0" xfId="7" applyFont="1" applyFill="1" applyBorder="1"/>
    <xf numFmtId="38" fontId="8" fillId="0" borderId="2" xfId="1" applyFont="1" applyFill="1" applyBorder="1" applyAlignment="1">
      <alignment horizontal="center"/>
    </xf>
    <xf numFmtId="38" fontId="0" fillId="0" borderId="0" xfId="1" applyFont="1" applyFill="1"/>
    <xf numFmtId="38" fontId="8" fillId="0" borderId="0" xfId="1" quotePrefix="1" applyFont="1" applyFill="1" applyBorder="1" applyAlignment="1">
      <alignment horizontal="distributed" justifyLastLine="1"/>
    </xf>
    <xf numFmtId="38" fontId="8" fillId="0" borderId="0" xfId="1" applyFont="1" applyFill="1" applyAlignment="1">
      <alignment horizontal="center"/>
    </xf>
    <xf numFmtId="38" fontId="8" fillId="0" borderId="17" xfId="1" quotePrefix="1" applyFont="1" applyFill="1" applyBorder="1" applyAlignment="1">
      <alignment horizontal="center"/>
    </xf>
    <xf numFmtId="38" fontId="8" fillId="0" borderId="16" xfId="1" quotePrefix="1" applyFont="1" applyFill="1" applyBorder="1" applyAlignment="1">
      <alignment horizontal="center"/>
    </xf>
    <xf numFmtId="38" fontId="8" fillId="0" borderId="28" xfId="1" quotePrefix="1" applyFont="1" applyFill="1" applyBorder="1" applyAlignment="1">
      <alignment horizontal="center"/>
    </xf>
    <xf numFmtId="38" fontId="8" fillId="0" borderId="31" xfId="1" quotePrefix="1" applyFont="1" applyFill="1" applyBorder="1" applyAlignment="1">
      <alignment horizontal="center"/>
    </xf>
    <xf numFmtId="38" fontId="8" fillId="0" borderId="36" xfId="1" quotePrefix="1" applyFont="1" applyFill="1" applyBorder="1" applyAlignment="1">
      <alignment horizontal="center"/>
    </xf>
    <xf numFmtId="38" fontId="8" fillId="0" borderId="18" xfId="1" quotePrefix="1" applyFont="1" applyFill="1" applyBorder="1" applyAlignment="1">
      <alignment horizontal="center"/>
    </xf>
    <xf numFmtId="38" fontId="8" fillId="0" borderId="0" xfId="1" quotePrefix="1" applyFont="1" applyFill="1" applyBorder="1" applyAlignment="1">
      <alignment horizontal="center"/>
    </xf>
    <xf numFmtId="38" fontId="8" fillId="0" borderId="27" xfId="1" applyFont="1" applyFill="1" applyBorder="1" applyAlignment="1">
      <alignment horizontal="center"/>
    </xf>
    <xf numFmtId="38" fontId="8" fillId="0" borderId="1" xfId="1" applyFont="1" applyFill="1" applyBorder="1" applyAlignment="1">
      <alignment horizontal="center"/>
    </xf>
    <xf numFmtId="38" fontId="8" fillId="0" borderId="10" xfId="1" applyFont="1" applyFill="1" applyBorder="1" applyAlignment="1">
      <alignment horizontal="center"/>
    </xf>
    <xf numFmtId="38" fontId="8" fillId="0" borderId="35" xfId="1" applyFont="1" applyFill="1" applyBorder="1" applyAlignment="1">
      <alignment horizontal="center"/>
    </xf>
    <xf numFmtId="38" fontId="8" fillId="0" borderId="0" xfId="1" applyFont="1" applyFill="1" applyBorder="1" applyAlignment="1">
      <alignment horizontal="center"/>
    </xf>
    <xf numFmtId="38" fontId="8" fillId="0" borderId="12" xfId="1" applyFont="1" applyFill="1" applyBorder="1"/>
    <xf numFmtId="38" fontId="11" fillId="0" borderId="5" xfId="1" applyFont="1" applyFill="1" applyBorder="1"/>
    <xf numFmtId="2" fontId="8" fillId="0" borderId="14" xfId="1" applyNumberFormat="1" applyFont="1" applyFill="1" applyBorder="1"/>
    <xf numFmtId="40" fontId="8" fillId="0" borderId="14" xfId="1" applyNumberFormat="1" applyFont="1" applyFill="1" applyBorder="1"/>
    <xf numFmtId="38" fontId="8" fillId="0" borderId="13" xfId="1" applyFont="1" applyFill="1" applyBorder="1"/>
    <xf numFmtId="2" fontId="8" fillId="0" borderId="71" xfId="1" applyNumberFormat="1" applyFont="1" applyFill="1" applyBorder="1"/>
    <xf numFmtId="2" fontId="8" fillId="0" borderId="0" xfId="1" applyNumberFormat="1" applyFont="1" applyFill="1" applyBorder="1"/>
    <xf numFmtId="38" fontId="11" fillId="0" borderId="2" xfId="1" applyFont="1" applyFill="1" applyBorder="1"/>
    <xf numFmtId="2" fontId="8" fillId="0" borderId="11" xfId="1" applyNumberFormat="1" applyFont="1" applyFill="1" applyBorder="1"/>
    <xf numFmtId="40" fontId="8" fillId="0" borderId="11" xfId="1" applyNumberFormat="1" applyFont="1" applyFill="1" applyBorder="1"/>
    <xf numFmtId="38" fontId="8" fillId="0" borderId="26" xfId="1" applyFont="1" applyFill="1" applyBorder="1"/>
    <xf numFmtId="40" fontId="8" fillId="0" borderId="33" xfId="1" applyNumberFormat="1" applyFont="1" applyFill="1" applyBorder="1"/>
    <xf numFmtId="38" fontId="8" fillId="0" borderId="15" xfId="1" applyFont="1" applyFill="1" applyBorder="1"/>
    <xf numFmtId="177" fontId="8" fillId="0" borderId="87" xfId="1" applyNumberFormat="1" applyFont="1" applyFill="1" applyBorder="1"/>
    <xf numFmtId="2" fontId="8" fillId="0" borderId="83" xfId="1" applyNumberFormat="1" applyFont="1" applyFill="1" applyBorder="1"/>
    <xf numFmtId="38" fontId="8" fillId="0" borderId="5" xfId="1" applyFont="1" applyFill="1" applyBorder="1"/>
    <xf numFmtId="40" fontId="8" fillId="0" borderId="14" xfId="1" applyNumberFormat="1" applyFont="1" applyFill="1" applyBorder="1" applyAlignment="1">
      <alignment horizontal="center"/>
    </xf>
    <xf numFmtId="38" fontId="8" fillId="0" borderId="13" xfId="1" applyFont="1" applyFill="1" applyBorder="1" applyAlignment="1">
      <alignment horizontal="center"/>
    </xf>
    <xf numFmtId="2" fontId="8" fillId="0" borderId="84" xfId="1" applyNumberFormat="1" applyFont="1" applyFill="1" applyBorder="1"/>
    <xf numFmtId="40" fontId="8" fillId="0" borderId="0" xfId="1" applyNumberFormat="1" applyFont="1" applyFill="1" applyBorder="1" applyAlignment="1">
      <alignment horizontal="center"/>
    </xf>
    <xf numFmtId="38" fontId="8" fillId="0" borderId="21" xfId="1" applyFont="1" applyFill="1" applyBorder="1"/>
    <xf numFmtId="40" fontId="8" fillId="0" borderId="17" xfId="1" applyNumberFormat="1" applyFont="1" applyFill="1" applyBorder="1" applyAlignment="1">
      <alignment horizontal="center"/>
    </xf>
    <xf numFmtId="40" fontId="8" fillId="0" borderId="34" xfId="1" applyNumberFormat="1" applyFont="1" applyFill="1" applyBorder="1" applyAlignment="1">
      <alignment horizontal="center"/>
    </xf>
    <xf numFmtId="2" fontId="8" fillId="0" borderId="59" xfId="1" applyNumberFormat="1" applyFont="1" applyFill="1" applyBorder="1"/>
    <xf numFmtId="40" fontId="8" fillId="0" borderId="37" xfId="1" applyNumberFormat="1" applyFont="1" applyFill="1" applyBorder="1"/>
    <xf numFmtId="38" fontId="8" fillId="0" borderId="25" xfId="1" applyFont="1" applyFill="1" applyBorder="1"/>
    <xf numFmtId="176" fontId="8" fillId="0" borderId="0" xfId="1" applyNumberFormat="1" applyFont="1" applyFill="1" applyBorder="1"/>
    <xf numFmtId="2" fontId="8" fillId="0" borderId="19" xfId="1" applyNumberFormat="1" applyFont="1" applyFill="1" applyBorder="1"/>
    <xf numFmtId="40" fontId="8" fillId="0" borderId="38" xfId="1" applyNumberFormat="1" applyFont="1" applyFill="1" applyBorder="1"/>
    <xf numFmtId="38" fontId="8" fillId="0" borderId="20" xfId="1" applyFont="1" applyFill="1" applyBorder="1"/>
    <xf numFmtId="2" fontId="8" fillId="0" borderId="85" xfId="1" applyNumberFormat="1" applyFont="1" applyFill="1" applyBorder="1"/>
    <xf numFmtId="38" fontId="8" fillId="0" borderId="0" xfId="1" applyFont="1" applyFill="1" applyBorder="1"/>
    <xf numFmtId="37" fontId="7" fillId="0" borderId="0" xfId="8" applyFont="1" applyFill="1"/>
    <xf numFmtId="38" fontId="3" fillId="0" borderId="0" xfId="1" applyFont="1" applyFill="1" applyAlignment="1">
      <alignment horizontal="right"/>
    </xf>
    <xf numFmtId="38" fontId="8" fillId="0" borderId="2" xfId="1" applyFont="1" applyFill="1" applyBorder="1" applyAlignment="1">
      <alignment horizontal="center" shrinkToFit="1"/>
    </xf>
    <xf numFmtId="38" fontId="8" fillId="0" borderId="3" xfId="1" applyFont="1" applyFill="1" applyBorder="1" applyAlignment="1">
      <alignment horizontal="center"/>
    </xf>
    <xf numFmtId="38" fontId="8" fillId="0" borderId="66" xfId="1" applyFont="1" applyFill="1" applyBorder="1" applyAlignment="1" applyProtection="1">
      <alignment vertical="center"/>
    </xf>
    <xf numFmtId="40" fontId="8" fillId="0" borderId="5" xfId="1" applyNumberFormat="1" applyFont="1" applyFill="1" applyBorder="1"/>
    <xf numFmtId="4" fontId="8" fillId="0" borderId="5" xfId="1" applyNumberFormat="1" applyFont="1" applyFill="1" applyBorder="1"/>
    <xf numFmtId="38" fontId="8" fillId="0" borderId="5" xfId="1" applyFont="1" applyFill="1" applyBorder="1" applyAlignment="1">
      <alignment horizontal="right"/>
    </xf>
    <xf numFmtId="3" fontId="8" fillId="0" borderId="6" xfId="1" applyNumberFormat="1" applyFont="1" applyFill="1" applyBorder="1"/>
    <xf numFmtId="38" fontId="8" fillId="0" borderId="76" xfId="1" applyFont="1" applyFill="1" applyBorder="1" applyAlignment="1">
      <alignment horizontal="distributed" justifyLastLine="1"/>
    </xf>
    <xf numFmtId="0" fontId="0" fillId="0" borderId="46" xfId="0" applyFill="1" applyBorder="1" applyAlignment="1">
      <alignment horizontal="distributed" justifyLastLine="1"/>
    </xf>
    <xf numFmtId="38" fontId="8" fillId="0" borderId="82" xfId="1" applyFont="1" applyFill="1" applyBorder="1" applyAlignment="1">
      <alignment horizontal="distributed" justifyLastLine="1"/>
    </xf>
    <xf numFmtId="0" fontId="0" fillId="0" borderId="45" xfId="0" applyFill="1" applyBorder="1" applyAlignment="1">
      <alignment horizontal="distributed" justifyLastLine="1"/>
    </xf>
    <xf numFmtId="38" fontId="8" fillId="0" borderId="54" xfId="1" applyFont="1" applyFill="1" applyBorder="1" applyAlignment="1">
      <alignment horizontal="distributed" vertical="center" justifyLastLine="1"/>
    </xf>
    <xf numFmtId="0" fontId="0" fillId="0" borderId="47" xfId="0" applyFill="1" applyBorder="1" applyAlignment="1">
      <alignment horizontal="distributed" justifyLastLine="1"/>
    </xf>
    <xf numFmtId="0" fontId="0" fillId="0" borderId="12" xfId="0" applyFill="1" applyBorder="1" applyAlignment="1">
      <alignment horizontal="distributed" justifyLastLine="1"/>
    </xf>
    <xf numFmtId="0" fontId="0" fillId="0" borderId="43" xfId="0" applyFill="1" applyBorder="1" applyAlignment="1">
      <alignment horizontal="distributed" justifyLastLine="1"/>
    </xf>
    <xf numFmtId="0" fontId="0" fillId="0" borderId="32" xfId="0" applyFill="1" applyBorder="1" applyAlignment="1">
      <alignment horizontal="distributed" justifyLastLine="1"/>
    </xf>
    <xf numFmtId="0" fontId="0" fillId="0" borderId="1" xfId="0" applyFill="1" applyBorder="1" applyAlignment="1">
      <alignment horizontal="distributed" justifyLastLine="1"/>
    </xf>
    <xf numFmtId="38" fontId="8" fillId="0" borderId="53" xfId="1" quotePrefix="1" applyFont="1" applyFill="1" applyBorder="1" applyAlignment="1">
      <alignment horizontal="distributed" justifyLastLine="1"/>
    </xf>
    <xf numFmtId="0" fontId="0" fillId="0" borderId="53" xfId="0" applyFill="1" applyBorder="1" applyAlignment="1">
      <alignment horizontal="distributed" justifyLastLine="1"/>
    </xf>
    <xf numFmtId="0" fontId="0" fillId="0" borderId="40" xfId="0" applyFill="1" applyBorder="1" applyAlignment="1">
      <alignment horizontal="distributed" justifyLastLine="1"/>
    </xf>
    <xf numFmtId="38" fontId="8" fillId="0" borderId="73" xfId="1" quotePrefix="1" applyFont="1" applyFill="1" applyBorder="1" applyAlignment="1">
      <alignment horizontal="distributed" justifyLastLine="1"/>
    </xf>
    <xf numFmtId="0" fontId="0" fillId="0" borderId="72" xfId="0" applyFill="1" applyBorder="1" applyAlignment="1">
      <alignment horizontal="distributed" justifyLastLine="1"/>
    </xf>
    <xf numFmtId="38" fontId="9" fillId="0" borderId="57" xfId="7" applyFont="1" applyFill="1" applyBorder="1" applyAlignment="1">
      <alignment horizontal="distributed" justifyLastLine="1"/>
    </xf>
    <xf numFmtId="0" fontId="12" fillId="0" borderId="23" xfId="9" applyFill="1" applyBorder="1" applyAlignment="1">
      <alignment horizontal="distributed" justifyLastLine="1"/>
    </xf>
    <xf numFmtId="38" fontId="8" fillId="0" borderId="52" xfId="7" applyFont="1" applyFill="1" applyBorder="1" applyAlignment="1">
      <alignment horizontal="distributed" vertical="center" wrapText="1" justifyLastLine="1"/>
    </xf>
    <xf numFmtId="0" fontId="12" fillId="0" borderId="21" xfId="9" applyFill="1" applyBorder="1" applyAlignment="1">
      <alignment horizontal="distributed" vertical="center" justifyLastLine="1"/>
    </xf>
    <xf numFmtId="38" fontId="8" fillId="0" borderId="79" xfId="7" applyFont="1" applyFill="1" applyBorder="1" applyAlignment="1">
      <alignment horizontal="distributed" vertical="center" justifyLastLine="1"/>
    </xf>
    <xf numFmtId="0" fontId="12" fillId="0" borderId="52" xfId="9" applyFill="1" applyBorder="1" applyAlignment="1">
      <alignment horizontal="distributed" vertical="center" justifyLastLine="1"/>
    </xf>
    <xf numFmtId="0" fontId="12" fillId="0" borderId="66" xfId="9" applyFill="1" applyBorder="1" applyAlignment="1">
      <alignment horizontal="distributed" vertical="center" justifyLastLine="1"/>
    </xf>
    <xf numFmtId="0" fontId="12" fillId="0" borderId="5" xfId="9" applyFill="1" applyBorder="1" applyAlignment="1">
      <alignment horizontal="distributed" vertical="center" justifyLastLine="1"/>
    </xf>
    <xf numFmtId="0" fontId="12" fillId="0" borderId="78" xfId="9" applyFill="1" applyBorder="1" applyAlignment="1">
      <alignment horizontal="distributed" vertical="center" justifyLastLine="1"/>
    </xf>
    <xf numFmtId="0" fontId="12" fillId="0" borderId="7" xfId="9" applyFill="1" applyBorder="1" applyAlignment="1">
      <alignment horizontal="distributed" vertical="center" justifyLastLine="1"/>
    </xf>
    <xf numFmtId="38" fontId="9" fillId="0" borderId="56" xfId="7" applyFont="1" applyFill="1" applyBorder="1" applyAlignment="1">
      <alignment horizontal="distributed" justifyLastLine="1"/>
    </xf>
    <xf numFmtId="0" fontId="12" fillId="0" borderId="30" xfId="9" applyFill="1" applyBorder="1" applyAlignment="1">
      <alignment horizontal="distributed" justifyLastLine="1"/>
    </xf>
    <xf numFmtId="38" fontId="8" fillId="0" borderId="57" xfId="1" applyFont="1" applyBorder="1" applyAlignment="1">
      <alignment horizontal="distributed" vertical="center" justifyLastLine="1"/>
    </xf>
    <xf numFmtId="0" fontId="0" fillId="0" borderId="23" xfId="0" applyBorder="1" applyAlignment="1">
      <alignment horizontal="distributed" vertical="center" justifyLastLine="1"/>
    </xf>
    <xf numFmtId="38" fontId="8" fillId="0" borderId="56" xfId="1" applyFont="1" applyBorder="1" applyAlignment="1">
      <alignment horizontal="distributed" vertical="center" justifyLastLine="1"/>
    </xf>
    <xf numFmtId="0" fontId="0" fillId="0" borderId="30" xfId="0" applyBorder="1" applyAlignment="1">
      <alignment horizontal="distributed" vertical="center" justifyLastLine="1"/>
    </xf>
    <xf numFmtId="38" fontId="8" fillId="0" borderId="79" xfId="1" applyFont="1" applyFill="1" applyBorder="1" applyAlignment="1">
      <alignment horizontal="distributed" vertical="center" justifyLastLine="1"/>
    </xf>
    <xf numFmtId="38" fontId="8" fillId="0" borderId="52" xfId="1" applyFont="1" applyFill="1" applyBorder="1" applyAlignment="1">
      <alignment horizontal="distributed" vertical="center" justifyLastLine="1"/>
    </xf>
    <xf numFmtId="38" fontId="8" fillId="0" borderId="66" xfId="1" applyFont="1" applyFill="1" applyBorder="1" applyAlignment="1">
      <alignment horizontal="distributed" vertical="center" justifyLastLine="1"/>
    </xf>
    <xf numFmtId="38" fontId="8" fillId="0" borderId="5" xfId="1" applyFont="1" applyFill="1" applyBorder="1" applyAlignment="1">
      <alignment horizontal="distributed" vertical="center" justifyLastLine="1"/>
    </xf>
    <xf numFmtId="38" fontId="8" fillId="0" borderId="0" xfId="1" applyFont="1" applyBorder="1" applyAlignment="1">
      <alignment horizontal="center"/>
    </xf>
    <xf numFmtId="40" fontId="8" fillId="0" borderId="0" xfId="1" applyNumberFormat="1" applyFont="1" applyBorder="1" applyAlignment="1">
      <alignment horizontal="center"/>
    </xf>
    <xf numFmtId="38" fontId="8" fillId="0" borderId="52" xfId="1" applyFont="1" applyFill="1" applyBorder="1" applyAlignment="1">
      <alignment horizontal="center" justifyLastLine="1"/>
    </xf>
    <xf numFmtId="38" fontId="8" fillId="0" borderId="75" xfId="1" applyFont="1" applyFill="1" applyBorder="1" applyAlignment="1">
      <alignment horizontal="center" justifyLastLine="1"/>
    </xf>
  </cellXfs>
  <cellStyles count="10">
    <cellStyle name="パーセント 2" xfId="4"/>
    <cellStyle name="桁区切り" xfId="1" builtinId="6"/>
    <cellStyle name="桁区切り 2" xfId="5"/>
    <cellStyle name="桁区切り 3" xfId="7"/>
    <cellStyle name="標準" xfId="0" builtinId="0"/>
    <cellStyle name="標準 2" xfId="3"/>
    <cellStyle name="標準 3" xfId="2"/>
    <cellStyle name="標準 4" xfId="6"/>
    <cellStyle name="標準 5" xfId="9"/>
    <cellStyle name="標準_単独集計" xfId="8"/>
  </cellStyles>
  <dxfs count="0"/>
  <tableStyles count="0" defaultTableStyle="TableStyleMedium9" defaultPivotStyle="PivotStyleLight16"/>
  <colors>
    <mruColors>
      <color rgb="FFCCECFF"/>
      <color rgb="FFCCFFCC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5"/>
  <dimension ref="A1:T52"/>
  <sheetViews>
    <sheetView tabSelected="1" zoomScaleNormal="100" zoomScaleSheetLayoutView="100" workbookViewId="0"/>
  </sheetViews>
  <sheetFormatPr defaultColWidth="9" defaultRowHeight="10.8" x14ac:dyDescent="0.15"/>
  <cols>
    <col min="1" max="1" width="3.6640625" style="20" customWidth="1"/>
    <col min="2" max="2" width="9" style="20" customWidth="1"/>
    <col min="3" max="3" width="6.6640625" style="20" customWidth="1"/>
    <col min="4" max="4" width="3.109375" style="20" customWidth="1"/>
    <col min="5" max="6" width="6.109375" style="20" customWidth="1"/>
    <col min="7" max="7" width="3.109375" style="20" customWidth="1"/>
    <col min="8" max="9" width="6.109375" style="20" customWidth="1"/>
    <col min="10" max="10" width="3.109375" style="20" customWidth="1"/>
    <col min="11" max="12" width="6.109375" style="20" customWidth="1"/>
    <col min="13" max="13" width="3.109375" style="20" customWidth="1"/>
    <col min="14" max="15" width="6.109375" style="20" customWidth="1"/>
    <col min="16" max="16" width="3.109375" style="20" customWidth="1"/>
    <col min="17" max="20" width="6.109375" style="20" customWidth="1"/>
    <col min="21" max="16384" width="9" style="20"/>
  </cols>
  <sheetData>
    <row r="1" spans="1:20" s="24" customFormat="1" ht="15.75" customHeight="1" x14ac:dyDescent="0.2">
      <c r="A1" s="192" t="s">
        <v>66</v>
      </c>
    </row>
    <row r="2" spans="1:20" s="24" customFormat="1" ht="10.5" customHeight="1" thickBot="1" x14ac:dyDescent="0.25"/>
    <row r="3" spans="1:20" s="194" customFormat="1" ht="15" customHeight="1" x14ac:dyDescent="0.2">
      <c r="A3" s="252" t="s">
        <v>0</v>
      </c>
      <c r="B3" s="253"/>
      <c r="C3" s="261" t="s">
        <v>73</v>
      </c>
      <c r="D3" s="259"/>
      <c r="E3" s="262"/>
      <c r="F3" s="258" t="s">
        <v>68</v>
      </c>
      <c r="G3" s="259"/>
      <c r="H3" s="262"/>
      <c r="I3" s="258" t="s">
        <v>75</v>
      </c>
      <c r="J3" s="259"/>
      <c r="K3" s="262"/>
      <c r="L3" s="261" t="s">
        <v>71</v>
      </c>
      <c r="M3" s="259"/>
      <c r="N3" s="262"/>
      <c r="O3" s="258" t="s">
        <v>76</v>
      </c>
      <c r="P3" s="259"/>
      <c r="Q3" s="260"/>
      <c r="R3" s="193"/>
      <c r="S3" s="193"/>
      <c r="T3" s="193"/>
    </row>
    <row r="4" spans="1:20" s="194" customFormat="1" ht="12.75" customHeight="1" x14ac:dyDescent="0.15">
      <c r="A4" s="254"/>
      <c r="B4" s="255"/>
      <c r="C4" s="195" t="s">
        <v>2</v>
      </c>
      <c r="D4" s="196" t="s">
        <v>3</v>
      </c>
      <c r="E4" s="197" t="s">
        <v>74</v>
      </c>
      <c r="F4" s="198" t="s">
        <v>2</v>
      </c>
      <c r="G4" s="196" t="s">
        <v>3</v>
      </c>
      <c r="H4" s="197" t="s">
        <v>69</v>
      </c>
      <c r="I4" s="199" t="s">
        <v>2</v>
      </c>
      <c r="J4" s="196" t="s">
        <v>3</v>
      </c>
      <c r="K4" s="197" t="s">
        <v>70</v>
      </c>
      <c r="L4" s="199" t="s">
        <v>2</v>
      </c>
      <c r="M4" s="196" t="s">
        <v>3</v>
      </c>
      <c r="N4" s="200" t="s">
        <v>72</v>
      </c>
      <c r="O4" s="90" t="s">
        <v>2</v>
      </c>
      <c r="P4" s="91" t="s">
        <v>3</v>
      </c>
      <c r="Q4" s="92" t="s">
        <v>77</v>
      </c>
      <c r="R4" s="201"/>
      <c r="S4" s="201"/>
      <c r="T4" s="201"/>
    </row>
    <row r="5" spans="1:20" s="194" customFormat="1" ht="12.75" customHeight="1" x14ac:dyDescent="0.15">
      <c r="A5" s="256"/>
      <c r="B5" s="257"/>
      <c r="C5" s="93" t="s">
        <v>5</v>
      </c>
      <c r="D5" s="202" t="s">
        <v>6</v>
      </c>
      <c r="E5" s="203" t="s">
        <v>7</v>
      </c>
      <c r="F5" s="204" t="s">
        <v>5</v>
      </c>
      <c r="G5" s="202" t="s">
        <v>6</v>
      </c>
      <c r="H5" s="203" t="s">
        <v>7</v>
      </c>
      <c r="I5" s="205" t="s">
        <v>5</v>
      </c>
      <c r="J5" s="202" t="s">
        <v>6</v>
      </c>
      <c r="K5" s="203" t="s">
        <v>7</v>
      </c>
      <c r="L5" s="205" t="s">
        <v>5</v>
      </c>
      <c r="M5" s="202" t="s">
        <v>6</v>
      </c>
      <c r="N5" s="204" t="s">
        <v>7</v>
      </c>
      <c r="O5" s="93" t="s">
        <v>5</v>
      </c>
      <c r="P5" s="94" t="s">
        <v>6</v>
      </c>
      <c r="Q5" s="95" t="s">
        <v>7</v>
      </c>
      <c r="R5" s="206"/>
      <c r="S5" s="206"/>
      <c r="T5" s="206"/>
    </row>
    <row r="6" spans="1:20" ht="20.100000000000001" customHeight="1" x14ac:dyDescent="0.15">
      <c r="A6" s="207">
        <v>1</v>
      </c>
      <c r="B6" s="208" t="s">
        <v>9</v>
      </c>
      <c r="C6" s="209">
        <v>20.98</v>
      </c>
      <c r="D6" s="26">
        <v>31</v>
      </c>
      <c r="E6" s="44">
        <v>-1.25</v>
      </c>
      <c r="F6" s="25">
        <v>19.829999999999998</v>
      </c>
      <c r="G6" s="26">
        <v>31</v>
      </c>
      <c r="H6" s="44">
        <v>-1.1499999999999999</v>
      </c>
      <c r="I6" s="77">
        <v>18.91</v>
      </c>
      <c r="J6" s="83">
        <v>31</v>
      </c>
      <c r="K6" s="44">
        <v>-0.92</v>
      </c>
      <c r="L6" s="77">
        <v>18.22</v>
      </c>
      <c r="M6" s="83">
        <v>31</v>
      </c>
      <c r="N6" s="25">
        <v>-0.69</v>
      </c>
      <c r="O6" s="210">
        <v>17.88</v>
      </c>
      <c r="P6" s="211">
        <v>31</v>
      </c>
      <c r="Q6" s="212">
        <v>-0.34</v>
      </c>
      <c r="R6" s="213"/>
      <c r="S6" s="213"/>
      <c r="T6" s="213"/>
    </row>
    <row r="7" spans="1:20" ht="20.100000000000001" customHeight="1" x14ac:dyDescent="0.15">
      <c r="A7" s="207">
        <v>2</v>
      </c>
      <c r="B7" s="208" t="s">
        <v>10</v>
      </c>
      <c r="C7" s="209">
        <v>19.62</v>
      </c>
      <c r="D7" s="26">
        <v>33</v>
      </c>
      <c r="E7" s="44">
        <v>-1.52</v>
      </c>
      <c r="F7" s="25">
        <v>18.38</v>
      </c>
      <c r="G7" s="26">
        <v>33</v>
      </c>
      <c r="H7" s="44">
        <v>-1.24</v>
      </c>
      <c r="I7" s="77">
        <v>17.510000000000002</v>
      </c>
      <c r="J7" s="83">
        <v>33</v>
      </c>
      <c r="K7" s="44">
        <v>-0.87</v>
      </c>
      <c r="L7" s="77">
        <v>16.850000000000001</v>
      </c>
      <c r="M7" s="83">
        <v>33</v>
      </c>
      <c r="N7" s="25">
        <v>-0.66</v>
      </c>
      <c r="O7" s="210">
        <v>16.59</v>
      </c>
      <c r="P7" s="211">
        <v>33</v>
      </c>
      <c r="Q7" s="212">
        <v>-0.26</v>
      </c>
      <c r="R7" s="213"/>
      <c r="S7" s="213"/>
      <c r="T7" s="213"/>
    </row>
    <row r="8" spans="1:20" ht="20.100000000000001" customHeight="1" x14ac:dyDescent="0.15">
      <c r="A8" s="207">
        <v>3</v>
      </c>
      <c r="B8" s="208" t="s">
        <v>11</v>
      </c>
      <c r="C8" s="209">
        <v>26.08</v>
      </c>
      <c r="D8" s="26">
        <v>14</v>
      </c>
      <c r="E8" s="44">
        <v>-1.48</v>
      </c>
      <c r="F8" s="25">
        <v>24.82</v>
      </c>
      <c r="G8" s="26">
        <v>13</v>
      </c>
      <c r="H8" s="44">
        <v>-1.26</v>
      </c>
      <c r="I8" s="77">
        <v>23.79</v>
      </c>
      <c r="J8" s="83">
        <v>13</v>
      </c>
      <c r="K8" s="44">
        <v>-1.03</v>
      </c>
      <c r="L8" s="77">
        <v>23</v>
      </c>
      <c r="M8" s="83">
        <v>14</v>
      </c>
      <c r="N8" s="25">
        <v>-0.79</v>
      </c>
      <c r="O8" s="210">
        <v>22.88</v>
      </c>
      <c r="P8" s="211">
        <v>15</v>
      </c>
      <c r="Q8" s="212">
        <v>-0.12</v>
      </c>
      <c r="R8" s="213"/>
      <c r="S8" s="213"/>
      <c r="T8" s="213"/>
    </row>
    <row r="9" spans="1:20" ht="20.100000000000001" customHeight="1" x14ac:dyDescent="0.15">
      <c r="A9" s="207">
        <v>4</v>
      </c>
      <c r="B9" s="208" t="s">
        <v>12</v>
      </c>
      <c r="C9" s="209">
        <v>25.28</v>
      </c>
      <c r="D9" s="26">
        <v>18</v>
      </c>
      <c r="E9" s="44">
        <v>-1.72</v>
      </c>
      <c r="F9" s="25">
        <v>23.79</v>
      </c>
      <c r="G9" s="26">
        <v>18</v>
      </c>
      <c r="H9" s="44">
        <v>-1.49</v>
      </c>
      <c r="I9" s="77">
        <v>22.57</v>
      </c>
      <c r="J9" s="83">
        <v>18</v>
      </c>
      <c r="K9" s="44">
        <v>-1.22</v>
      </c>
      <c r="L9" s="77">
        <v>21.89</v>
      </c>
      <c r="M9" s="83">
        <v>18</v>
      </c>
      <c r="N9" s="25">
        <v>-0.68</v>
      </c>
      <c r="O9" s="210">
        <v>21.47</v>
      </c>
      <c r="P9" s="211">
        <v>20</v>
      </c>
      <c r="Q9" s="212">
        <v>-0.42</v>
      </c>
      <c r="R9" s="213"/>
      <c r="S9" s="213"/>
      <c r="T9" s="213"/>
    </row>
    <row r="10" spans="1:20" ht="20.100000000000001" customHeight="1" x14ac:dyDescent="0.15">
      <c r="A10" s="207">
        <v>5</v>
      </c>
      <c r="B10" s="208" t="s">
        <v>13</v>
      </c>
      <c r="C10" s="209">
        <v>24.31</v>
      </c>
      <c r="D10" s="26">
        <v>25</v>
      </c>
      <c r="E10" s="44">
        <v>-1.62</v>
      </c>
      <c r="F10" s="25">
        <v>23.13</v>
      </c>
      <c r="G10" s="26">
        <v>23</v>
      </c>
      <c r="H10" s="44">
        <v>-1.18</v>
      </c>
      <c r="I10" s="77">
        <v>22.15</v>
      </c>
      <c r="J10" s="83">
        <v>23</v>
      </c>
      <c r="K10" s="44">
        <v>-0.98</v>
      </c>
      <c r="L10" s="77">
        <v>21.21</v>
      </c>
      <c r="M10" s="83">
        <v>24</v>
      </c>
      <c r="N10" s="25">
        <v>-0.94</v>
      </c>
      <c r="O10" s="210">
        <v>20.93</v>
      </c>
      <c r="P10" s="211">
        <v>23</v>
      </c>
      <c r="Q10" s="212">
        <v>-0.28000000000000003</v>
      </c>
      <c r="R10" s="213"/>
      <c r="S10" s="213"/>
      <c r="T10" s="213"/>
    </row>
    <row r="11" spans="1:20" ht="20.100000000000001" customHeight="1" x14ac:dyDescent="0.15">
      <c r="A11" s="207">
        <v>6</v>
      </c>
      <c r="B11" s="208" t="s">
        <v>14</v>
      </c>
      <c r="C11" s="209">
        <v>22.06</v>
      </c>
      <c r="D11" s="26">
        <v>30</v>
      </c>
      <c r="E11" s="44">
        <v>-1.48</v>
      </c>
      <c r="F11" s="25">
        <v>21.02</v>
      </c>
      <c r="G11" s="26">
        <v>30</v>
      </c>
      <c r="H11" s="44">
        <v>-1.04</v>
      </c>
      <c r="I11" s="77">
        <v>20.079999999999998</v>
      </c>
      <c r="J11" s="83">
        <v>30</v>
      </c>
      <c r="K11" s="44">
        <v>-0.94</v>
      </c>
      <c r="L11" s="77">
        <v>19.32</v>
      </c>
      <c r="M11" s="83">
        <v>30</v>
      </c>
      <c r="N11" s="25">
        <v>-0.76</v>
      </c>
      <c r="O11" s="210">
        <v>19.079999999999998</v>
      </c>
      <c r="P11" s="211">
        <v>30</v>
      </c>
      <c r="Q11" s="212">
        <v>-0.24</v>
      </c>
      <c r="R11" s="213"/>
      <c r="S11" s="213"/>
      <c r="T11" s="213"/>
    </row>
    <row r="12" spans="1:20" ht="20.100000000000001" customHeight="1" x14ac:dyDescent="0.15">
      <c r="A12" s="207">
        <v>7</v>
      </c>
      <c r="B12" s="208" t="s">
        <v>15</v>
      </c>
      <c r="C12" s="209">
        <v>24.34</v>
      </c>
      <c r="D12" s="26">
        <v>23</v>
      </c>
      <c r="E12" s="44">
        <v>-1.73</v>
      </c>
      <c r="F12" s="25">
        <v>23.08</v>
      </c>
      <c r="G12" s="26">
        <v>24</v>
      </c>
      <c r="H12" s="44">
        <v>-1.26</v>
      </c>
      <c r="I12" s="77">
        <v>22.19</v>
      </c>
      <c r="J12" s="83">
        <v>22</v>
      </c>
      <c r="K12" s="44">
        <v>-0.89</v>
      </c>
      <c r="L12" s="77">
        <v>21.54</v>
      </c>
      <c r="M12" s="83">
        <v>22</v>
      </c>
      <c r="N12" s="25">
        <v>-0.65</v>
      </c>
      <c r="O12" s="210">
        <v>21.38</v>
      </c>
      <c r="P12" s="211">
        <v>21</v>
      </c>
      <c r="Q12" s="212">
        <v>-0.16</v>
      </c>
      <c r="R12" s="213"/>
      <c r="S12" s="213"/>
      <c r="T12" s="213"/>
    </row>
    <row r="13" spans="1:20" ht="20.100000000000001" customHeight="1" x14ac:dyDescent="0.15">
      <c r="A13" s="207">
        <v>8</v>
      </c>
      <c r="B13" s="208" t="s">
        <v>16</v>
      </c>
      <c r="C13" s="209">
        <v>23.31</v>
      </c>
      <c r="D13" s="26">
        <v>27</v>
      </c>
      <c r="E13" s="44">
        <v>-1.47</v>
      </c>
      <c r="F13" s="25">
        <v>22.1</v>
      </c>
      <c r="G13" s="26">
        <v>27</v>
      </c>
      <c r="H13" s="44">
        <v>-1.21</v>
      </c>
      <c r="I13" s="77">
        <v>21.1</v>
      </c>
      <c r="J13" s="83">
        <v>27</v>
      </c>
      <c r="K13" s="44">
        <v>-1</v>
      </c>
      <c r="L13" s="77">
        <v>20.49</v>
      </c>
      <c r="M13" s="83">
        <v>27</v>
      </c>
      <c r="N13" s="25">
        <v>-0.61</v>
      </c>
      <c r="O13" s="210">
        <v>20.23</v>
      </c>
      <c r="P13" s="211">
        <v>27</v>
      </c>
      <c r="Q13" s="212">
        <v>-0.26</v>
      </c>
      <c r="R13" s="213"/>
      <c r="S13" s="213"/>
      <c r="T13" s="213"/>
    </row>
    <row r="14" spans="1:20" ht="20.100000000000001" customHeight="1" x14ac:dyDescent="0.15">
      <c r="A14" s="207">
        <v>9</v>
      </c>
      <c r="B14" s="208" t="s">
        <v>17</v>
      </c>
      <c r="C14" s="209">
        <v>25.75</v>
      </c>
      <c r="D14" s="26">
        <v>15</v>
      </c>
      <c r="E14" s="44">
        <v>-1.87</v>
      </c>
      <c r="F14" s="25">
        <v>24.51</v>
      </c>
      <c r="G14" s="26">
        <v>16</v>
      </c>
      <c r="H14" s="44">
        <v>-1.24</v>
      </c>
      <c r="I14" s="77">
        <v>23.37</v>
      </c>
      <c r="J14" s="83">
        <v>16</v>
      </c>
      <c r="K14" s="44">
        <v>-1.1399999999999999</v>
      </c>
      <c r="L14" s="77">
        <v>22.5</v>
      </c>
      <c r="M14" s="83">
        <v>16</v>
      </c>
      <c r="N14" s="25">
        <v>-0.87</v>
      </c>
      <c r="O14" s="210">
        <v>22.23</v>
      </c>
      <c r="P14" s="211">
        <v>16</v>
      </c>
      <c r="Q14" s="212">
        <v>-0.27</v>
      </c>
      <c r="R14" s="213"/>
      <c r="S14" s="213"/>
      <c r="T14" s="213"/>
    </row>
    <row r="15" spans="1:20" ht="20.100000000000001" customHeight="1" x14ac:dyDescent="0.15">
      <c r="A15" s="207">
        <v>10</v>
      </c>
      <c r="B15" s="208" t="s">
        <v>18</v>
      </c>
      <c r="C15" s="209">
        <v>24.89</v>
      </c>
      <c r="D15" s="26">
        <v>21</v>
      </c>
      <c r="E15" s="44">
        <v>-1.74</v>
      </c>
      <c r="F15" s="25">
        <v>23.4</v>
      </c>
      <c r="G15" s="26">
        <v>22</v>
      </c>
      <c r="H15" s="44">
        <v>-1.49</v>
      </c>
      <c r="I15" s="77">
        <v>22.12</v>
      </c>
      <c r="J15" s="83">
        <v>24</v>
      </c>
      <c r="K15" s="44">
        <v>-1.28</v>
      </c>
      <c r="L15" s="77">
        <v>21.23</v>
      </c>
      <c r="M15" s="83">
        <v>23</v>
      </c>
      <c r="N15" s="25">
        <v>-0.89</v>
      </c>
      <c r="O15" s="210">
        <v>20.81</v>
      </c>
      <c r="P15" s="211">
        <v>25</v>
      </c>
      <c r="Q15" s="212">
        <v>-0.42</v>
      </c>
      <c r="R15" s="213"/>
      <c r="S15" s="213"/>
      <c r="T15" s="213"/>
    </row>
    <row r="16" spans="1:20" ht="20.100000000000001" customHeight="1" x14ac:dyDescent="0.15">
      <c r="A16" s="207">
        <v>11</v>
      </c>
      <c r="B16" s="208" t="s">
        <v>19</v>
      </c>
      <c r="C16" s="209">
        <v>34.049999999999997</v>
      </c>
      <c r="D16" s="26">
        <v>2</v>
      </c>
      <c r="E16" s="44">
        <v>-1.89</v>
      </c>
      <c r="F16" s="25">
        <v>32.46</v>
      </c>
      <c r="G16" s="26">
        <v>2</v>
      </c>
      <c r="H16" s="44">
        <v>-1.59</v>
      </c>
      <c r="I16" s="77">
        <v>31.28</v>
      </c>
      <c r="J16" s="83">
        <v>2</v>
      </c>
      <c r="K16" s="44">
        <v>-1.18</v>
      </c>
      <c r="L16" s="77">
        <v>30.21</v>
      </c>
      <c r="M16" s="83">
        <v>2</v>
      </c>
      <c r="N16" s="25">
        <v>-1.07</v>
      </c>
      <c r="O16" s="210">
        <v>29.85</v>
      </c>
      <c r="P16" s="211">
        <v>2</v>
      </c>
      <c r="Q16" s="212">
        <v>-0.36</v>
      </c>
      <c r="R16" s="213"/>
      <c r="S16" s="213"/>
      <c r="T16" s="213"/>
    </row>
    <row r="17" spans="1:20" ht="20.100000000000001" customHeight="1" x14ac:dyDescent="0.15">
      <c r="A17" s="207">
        <v>12</v>
      </c>
      <c r="B17" s="208" t="s">
        <v>20</v>
      </c>
      <c r="C17" s="209">
        <v>25.65</v>
      </c>
      <c r="D17" s="26">
        <v>16</v>
      </c>
      <c r="E17" s="44">
        <v>-1.72</v>
      </c>
      <c r="F17" s="25">
        <v>24.58</v>
      </c>
      <c r="G17" s="26">
        <v>15</v>
      </c>
      <c r="H17" s="44">
        <v>-1.07</v>
      </c>
      <c r="I17" s="77">
        <v>23.53</v>
      </c>
      <c r="J17" s="83">
        <v>15</v>
      </c>
      <c r="K17" s="44">
        <v>-1.05</v>
      </c>
      <c r="L17" s="77">
        <v>22.97</v>
      </c>
      <c r="M17" s="83">
        <v>15</v>
      </c>
      <c r="N17" s="25">
        <v>-0.56000000000000005</v>
      </c>
      <c r="O17" s="210">
        <v>23.04</v>
      </c>
      <c r="P17" s="211">
        <v>11</v>
      </c>
      <c r="Q17" s="212">
        <v>7.0000000000000007E-2</v>
      </c>
      <c r="R17" s="213"/>
      <c r="S17" s="213"/>
      <c r="T17" s="213"/>
    </row>
    <row r="18" spans="1:20" ht="20.100000000000001" customHeight="1" x14ac:dyDescent="0.15">
      <c r="A18" s="207">
        <v>13</v>
      </c>
      <c r="B18" s="208" t="s">
        <v>21</v>
      </c>
      <c r="C18" s="209">
        <v>25.56</v>
      </c>
      <c r="D18" s="26">
        <v>17</v>
      </c>
      <c r="E18" s="44">
        <v>-1.71</v>
      </c>
      <c r="F18" s="25">
        <v>24.04</v>
      </c>
      <c r="G18" s="26">
        <v>17</v>
      </c>
      <c r="H18" s="44">
        <v>-1.52</v>
      </c>
      <c r="I18" s="77">
        <v>22.7</v>
      </c>
      <c r="J18" s="83">
        <v>17</v>
      </c>
      <c r="K18" s="44">
        <v>-1.34</v>
      </c>
      <c r="L18" s="77">
        <v>21.77</v>
      </c>
      <c r="M18" s="83">
        <v>20</v>
      </c>
      <c r="N18" s="25">
        <v>-0.93</v>
      </c>
      <c r="O18" s="210">
        <v>21.51</v>
      </c>
      <c r="P18" s="211">
        <v>19</v>
      </c>
      <c r="Q18" s="212">
        <v>-0.26</v>
      </c>
      <c r="R18" s="213"/>
      <c r="S18" s="213"/>
      <c r="T18" s="213"/>
    </row>
    <row r="19" spans="1:20" ht="20.100000000000001" customHeight="1" x14ac:dyDescent="0.15">
      <c r="A19" s="207">
        <v>14</v>
      </c>
      <c r="B19" s="208" t="s">
        <v>22</v>
      </c>
      <c r="C19" s="209">
        <v>24.34</v>
      </c>
      <c r="D19" s="26">
        <v>23</v>
      </c>
      <c r="E19" s="44">
        <v>-1.87</v>
      </c>
      <c r="F19" s="25">
        <v>22.75</v>
      </c>
      <c r="G19" s="26">
        <v>25</v>
      </c>
      <c r="H19" s="44">
        <v>-1.59</v>
      </c>
      <c r="I19" s="77">
        <v>21.6</v>
      </c>
      <c r="J19" s="83">
        <v>25</v>
      </c>
      <c r="K19" s="44">
        <v>-1.1499999999999999</v>
      </c>
      <c r="L19" s="77">
        <v>20.8</v>
      </c>
      <c r="M19" s="83">
        <v>26</v>
      </c>
      <c r="N19" s="25">
        <v>-0.8</v>
      </c>
      <c r="O19" s="210">
        <v>20.45</v>
      </c>
      <c r="P19" s="211">
        <v>26</v>
      </c>
      <c r="Q19" s="212">
        <v>-0.35</v>
      </c>
      <c r="R19" s="213"/>
      <c r="S19" s="213"/>
      <c r="T19" s="213"/>
    </row>
    <row r="20" spans="1:20" ht="20.100000000000001" customHeight="1" x14ac:dyDescent="0.15">
      <c r="A20" s="207">
        <v>15</v>
      </c>
      <c r="B20" s="208" t="s">
        <v>23</v>
      </c>
      <c r="C20" s="209">
        <v>23.03</v>
      </c>
      <c r="D20" s="26">
        <v>29</v>
      </c>
      <c r="E20" s="44">
        <v>-1.94</v>
      </c>
      <c r="F20" s="25">
        <v>21.74</v>
      </c>
      <c r="G20" s="26">
        <v>29</v>
      </c>
      <c r="H20" s="44">
        <v>-1.29</v>
      </c>
      <c r="I20" s="77">
        <v>20.71</v>
      </c>
      <c r="J20" s="83">
        <v>29</v>
      </c>
      <c r="K20" s="44">
        <v>-1.03</v>
      </c>
      <c r="L20" s="77">
        <v>19.920000000000002</v>
      </c>
      <c r="M20" s="83">
        <v>29</v>
      </c>
      <c r="N20" s="25">
        <v>-0.79</v>
      </c>
      <c r="O20" s="210">
        <v>19.670000000000002</v>
      </c>
      <c r="P20" s="211">
        <v>29</v>
      </c>
      <c r="Q20" s="212">
        <v>-0.25</v>
      </c>
      <c r="R20" s="213"/>
      <c r="S20" s="213"/>
      <c r="T20" s="213"/>
    </row>
    <row r="21" spans="1:20" ht="20.100000000000001" customHeight="1" x14ac:dyDescent="0.15">
      <c r="A21" s="207">
        <v>16</v>
      </c>
      <c r="B21" s="208" t="s">
        <v>24</v>
      </c>
      <c r="C21" s="209">
        <v>23.66</v>
      </c>
      <c r="D21" s="26">
        <v>26</v>
      </c>
      <c r="E21" s="44">
        <v>-1.67</v>
      </c>
      <c r="F21" s="25">
        <v>22.12</v>
      </c>
      <c r="G21" s="26">
        <v>26</v>
      </c>
      <c r="H21" s="44">
        <v>-1.54</v>
      </c>
      <c r="I21" s="77">
        <v>21.07</v>
      </c>
      <c r="J21" s="83">
        <v>28</v>
      </c>
      <c r="K21" s="44">
        <v>-1.05</v>
      </c>
      <c r="L21" s="77">
        <v>20.170000000000002</v>
      </c>
      <c r="M21" s="83">
        <v>28</v>
      </c>
      <c r="N21" s="25">
        <v>-0.9</v>
      </c>
      <c r="O21" s="210">
        <v>19.690000000000001</v>
      </c>
      <c r="P21" s="211">
        <v>28</v>
      </c>
      <c r="Q21" s="212">
        <v>-0.48</v>
      </c>
      <c r="R21" s="213"/>
      <c r="S21" s="213"/>
      <c r="T21" s="213"/>
    </row>
    <row r="22" spans="1:20" ht="20.100000000000001" customHeight="1" x14ac:dyDescent="0.15">
      <c r="A22" s="207">
        <v>17</v>
      </c>
      <c r="B22" s="208" t="s">
        <v>25</v>
      </c>
      <c r="C22" s="209">
        <v>25.2</v>
      </c>
      <c r="D22" s="26">
        <v>20</v>
      </c>
      <c r="E22" s="44">
        <v>-1.85</v>
      </c>
      <c r="F22" s="25">
        <v>23.76</v>
      </c>
      <c r="G22" s="26">
        <v>19</v>
      </c>
      <c r="H22" s="44">
        <v>-1.44</v>
      </c>
      <c r="I22" s="77">
        <v>22.47</v>
      </c>
      <c r="J22" s="83">
        <v>19</v>
      </c>
      <c r="K22" s="44">
        <v>-1.29</v>
      </c>
      <c r="L22" s="77">
        <v>21.59</v>
      </c>
      <c r="M22" s="83">
        <v>21</v>
      </c>
      <c r="N22" s="25">
        <v>-0.88</v>
      </c>
      <c r="O22" s="210">
        <v>20.9</v>
      </c>
      <c r="P22" s="211">
        <v>24</v>
      </c>
      <c r="Q22" s="212">
        <v>-0.69</v>
      </c>
      <c r="R22" s="213"/>
      <c r="S22" s="213"/>
      <c r="T22" s="213"/>
    </row>
    <row r="23" spans="1:20" ht="20.100000000000001" customHeight="1" x14ac:dyDescent="0.15">
      <c r="A23" s="207">
        <v>18</v>
      </c>
      <c r="B23" s="208" t="s">
        <v>26</v>
      </c>
      <c r="C23" s="209">
        <v>23.04</v>
      </c>
      <c r="D23" s="26">
        <v>28</v>
      </c>
      <c r="E23" s="44">
        <v>-1.79</v>
      </c>
      <c r="F23" s="25">
        <v>21.99</v>
      </c>
      <c r="G23" s="26">
        <v>28</v>
      </c>
      <c r="H23" s="44">
        <v>-1.05</v>
      </c>
      <c r="I23" s="77">
        <v>21.47</v>
      </c>
      <c r="J23" s="83">
        <v>26</v>
      </c>
      <c r="K23" s="44">
        <v>-0.52</v>
      </c>
      <c r="L23" s="77">
        <v>21.01</v>
      </c>
      <c r="M23" s="83">
        <v>25</v>
      </c>
      <c r="N23" s="25">
        <v>-0.46</v>
      </c>
      <c r="O23" s="210">
        <v>21.03</v>
      </c>
      <c r="P23" s="211">
        <v>22</v>
      </c>
      <c r="Q23" s="212">
        <v>0.02</v>
      </c>
      <c r="R23" s="213"/>
      <c r="S23" s="213"/>
      <c r="T23" s="213"/>
    </row>
    <row r="24" spans="1:20" ht="20.100000000000001" customHeight="1" x14ac:dyDescent="0.15">
      <c r="A24" s="207">
        <v>19</v>
      </c>
      <c r="B24" s="214" t="s">
        <v>28</v>
      </c>
      <c r="C24" s="215">
        <v>28.14</v>
      </c>
      <c r="D24" s="28">
        <v>10</v>
      </c>
      <c r="E24" s="72">
        <v>-1.49</v>
      </c>
      <c r="F24" s="27">
        <v>26.75</v>
      </c>
      <c r="G24" s="28">
        <v>10</v>
      </c>
      <c r="H24" s="72">
        <v>-1.39</v>
      </c>
      <c r="I24" s="78">
        <v>25.75</v>
      </c>
      <c r="J24" s="84">
        <v>9</v>
      </c>
      <c r="K24" s="72">
        <v>-1</v>
      </c>
      <c r="L24" s="78">
        <v>24.75</v>
      </c>
      <c r="M24" s="84">
        <v>9</v>
      </c>
      <c r="N24" s="27">
        <v>-1</v>
      </c>
      <c r="O24" s="216">
        <v>24.56</v>
      </c>
      <c r="P24" s="217">
        <v>8</v>
      </c>
      <c r="Q24" s="212">
        <v>-0.19</v>
      </c>
      <c r="R24" s="213"/>
      <c r="S24" s="213"/>
      <c r="T24" s="213"/>
    </row>
    <row r="25" spans="1:20" ht="20.100000000000001" customHeight="1" x14ac:dyDescent="0.15">
      <c r="A25" s="207">
        <v>20</v>
      </c>
      <c r="B25" s="208" t="s">
        <v>29</v>
      </c>
      <c r="C25" s="209">
        <v>24.77</v>
      </c>
      <c r="D25" s="26">
        <v>22</v>
      </c>
      <c r="E25" s="44">
        <v>-2.17</v>
      </c>
      <c r="F25" s="25">
        <v>23.47</v>
      </c>
      <c r="G25" s="26">
        <v>21</v>
      </c>
      <c r="H25" s="44">
        <v>-1.3</v>
      </c>
      <c r="I25" s="77">
        <v>22.43</v>
      </c>
      <c r="J25" s="83">
        <v>21</v>
      </c>
      <c r="K25" s="44">
        <v>-1.04</v>
      </c>
      <c r="L25" s="77">
        <v>21.95</v>
      </c>
      <c r="M25" s="83">
        <v>17</v>
      </c>
      <c r="N25" s="25">
        <v>-0.48</v>
      </c>
      <c r="O25" s="210">
        <v>21.69</v>
      </c>
      <c r="P25" s="211">
        <v>18</v>
      </c>
      <c r="Q25" s="212">
        <v>-0.26</v>
      </c>
      <c r="R25" s="213"/>
      <c r="S25" s="213"/>
      <c r="T25" s="213"/>
    </row>
    <row r="26" spans="1:20" ht="20.100000000000001" customHeight="1" x14ac:dyDescent="0.15">
      <c r="A26" s="207">
        <v>21</v>
      </c>
      <c r="B26" s="208" t="s">
        <v>27</v>
      </c>
      <c r="C26" s="77">
        <v>27.21</v>
      </c>
      <c r="D26" s="26">
        <v>11</v>
      </c>
      <c r="E26" s="44">
        <v>-2.15</v>
      </c>
      <c r="F26" s="77">
        <v>25.53</v>
      </c>
      <c r="G26" s="26">
        <v>11</v>
      </c>
      <c r="H26" s="44">
        <v>-1.68</v>
      </c>
      <c r="I26" s="77">
        <v>24.09</v>
      </c>
      <c r="J26" s="83">
        <v>12</v>
      </c>
      <c r="K26" s="44">
        <v>-1.44</v>
      </c>
      <c r="L26" s="77">
        <v>23.08</v>
      </c>
      <c r="M26" s="83">
        <v>13</v>
      </c>
      <c r="N26" s="25">
        <v>-1.01</v>
      </c>
      <c r="O26" s="218">
        <v>22.95</v>
      </c>
      <c r="P26" s="219">
        <v>12</v>
      </c>
      <c r="Q26" s="212">
        <v>-0.13</v>
      </c>
      <c r="R26" s="213"/>
      <c r="S26" s="213"/>
      <c r="T26" s="213"/>
    </row>
    <row r="27" spans="1:20" ht="20.100000000000001" customHeight="1" x14ac:dyDescent="0.15">
      <c r="A27" s="207">
        <v>22</v>
      </c>
      <c r="B27" s="208" t="s">
        <v>30</v>
      </c>
      <c r="C27" s="77">
        <v>28.19</v>
      </c>
      <c r="D27" s="26">
        <v>9</v>
      </c>
      <c r="E27" s="44">
        <v>-1.08</v>
      </c>
      <c r="F27" s="77">
        <v>26.76</v>
      </c>
      <c r="G27" s="26">
        <v>9</v>
      </c>
      <c r="H27" s="44">
        <v>-1.43</v>
      </c>
      <c r="I27" s="77">
        <v>25.56</v>
      </c>
      <c r="J27" s="83">
        <v>10</v>
      </c>
      <c r="K27" s="44">
        <v>-1.2</v>
      </c>
      <c r="L27" s="77">
        <v>24.48</v>
      </c>
      <c r="M27" s="83">
        <v>10</v>
      </c>
      <c r="N27" s="25">
        <v>-1.08</v>
      </c>
      <c r="O27" s="218">
        <v>23.71</v>
      </c>
      <c r="P27" s="219">
        <v>9</v>
      </c>
      <c r="Q27" s="212">
        <v>-0.77</v>
      </c>
      <c r="R27" s="213"/>
      <c r="S27" s="213"/>
      <c r="T27" s="213"/>
    </row>
    <row r="28" spans="1:20" ht="20.100000000000001" customHeight="1" x14ac:dyDescent="0.15">
      <c r="A28" s="207">
        <v>23</v>
      </c>
      <c r="B28" s="208" t="s">
        <v>31</v>
      </c>
      <c r="C28" s="77">
        <v>26.31</v>
      </c>
      <c r="D28" s="220">
        <v>12</v>
      </c>
      <c r="E28" s="44">
        <v>-1.03</v>
      </c>
      <c r="F28" s="25">
        <v>25.13</v>
      </c>
      <c r="G28" s="26">
        <v>12</v>
      </c>
      <c r="H28" s="44">
        <v>-1.18</v>
      </c>
      <c r="I28" s="77">
        <v>24.22</v>
      </c>
      <c r="J28" s="83">
        <v>11</v>
      </c>
      <c r="K28" s="44">
        <v>-0.91</v>
      </c>
      <c r="L28" s="77">
        <v>23.33</v>
      </c>
      <c r="M28" s="83">
        <v>11</v>
      </c>
      <c r="N28" s="25">
        <v>-0.89</v>
      </c>
      <c r="O28" s="218">
        <v>22.9</v>
      </c>
      <c r="P28" s="219">
        <v>14</v>
      </c>
      <c r="Q28" s="212">
        <v>-0.43</v>
      </c>
      <c r="R28" s="213"/>
      <c r="S28" s="213"/>
      <c r="T28" s="213"/>
    </row>
    <row r="29" spans="1:20" ht="20.100000000000001" customHeight="1" x14ac:dyDescent="0.15">
      <c r="A29" s="207">
        <v>24</v>
      </c>
      <c r="B29" s="208" t="s">
        <v>32</v>
      </c>
      <c r="C29" s="209">
        <v>29.55</v>
      </c>
      <c r="D29" s="26">
        <v>6</v>
      </c>
      <c r="E29" s="44">
        <v>-1.35</v>
      </c>
      <c r="F29" s="25">
        <v>27.91</v>
      </c>
      <c r="G29" s="26">
        <v>7</v>
      </c>
      <c r="H29" s="44">
        <v>-1.64</v>
      </c>
      <c r="I29" s="77">
        <v>26.66</v>
      </c>
      <c r="J29" s="83">
        <v>8</v>
      </c>
      <c r="K29" s="44">
        <v>-1.25</v>
      </c>
      <c r="L29" s="77">
        <v>26.04</v>
      </c>
      <c r="M29" s="83">
        <v>6</v>
      </c>
      <c r="N29" s="25">
        <v>-0.62</v>
      </c>
      <c r="O29" s="210">
        <v>26.04</v>
      </c>
      <c r="P29" s="211">
        <v>7</v>
      </c>
      <c r="Q29" s="212">
        <v>0</v>
      </c>
      <c r="R29" s="213"/>
      <c r="S29" s="213"/>
      <c r="T29" s="213"/>
    </row>
    <row r="30" spans="1:20" ht="20.100000000000001" customHeight="1" x14ac:dyDescent="0.15">
      <c r="A30" s="207">
        <v>25</v>
      </c>
      <c r="B30" s="208" t="s">
        <v>33</v>
      </c>
      <c r="C30" s="209">
        <v>25.24</v>
      </c>
      <c r="D30" s="26">
        <v>19</v>
      </c>
      <c r="E30" s="44">
        <v>-1.63</v>
      </c>
      <c r="F30" s="25">
        <v>23.65</v>
      </c>
      <c r="G30" s="26">
        <v>20</v>
      </c>
      <c r="H30" s="44">
        <v>-1.59</v>
      </c>
      <c r="I30" s="77">
        <v>22.47</v>
      </c>
      <c r="J30" s="83">
        <v>19</v>
      </c>
      <c r="K30" s="44">
        <v>-1.18</v>
      </c>
      <c r="L30" s="77">
        <v>21.82</v>
      </c>
      <c r="M30" s="83">
        <v>19</v>
      </c>
      <c r="N30" s="25">
        <v>-0.65</v>
      </c>
      <c r="O30" s="210">
        <v>22.17</v>
      </c>
      <c r="P30" s="211">
        <v>17</v>
      </c>
      <c r="Q30" s="212">
        <v>0.35</v>
      </c>
      <c r="R30" s="213"/>
      <c r="S30" s="213"/>
      <c r="T30" s="213"/>
    </row>
    <row r="31" spans="1:20" ht="20.100000000000001" customHeight="1" x14ac:dyDescent="0.15">
      <c r="A31" s="207">
        <v>26</v>
      </c>
      <c r="B31" s="208" t="s">
        <v>34</v>
      </c>
      <c r="C31" s="209">
        <v>26.14</v>
      </c>
      <c r="D31" s="26">
        <v>13</v>
      </c>
      <c r="E31" s="44">
        <v>-1.81</v>
      </c>
      <c r="F31" s="25">
        <v>24.74</v>
      </c>
      <c r="G31" s="26">
        <v>14</v>
      </c>
      <c r="H31" s="44">
        <v>-1.4</v>
      </c>
      <c r="I31" s="77">
        <v>23.57</v>
      </c>
      <c r="J31" s="83">
        <v>14</v>
      </c>
      <c r="K31" s="44">
        <v>-1.17</v>
      </c>
      <c r="L31" s="77">
        <v>23.11</v>
      </c>
      <c r="M31" s="83">
        <v>12</v>
      </c>
      <c r="N31" s="25">
        <v>-0.46</v>
      </c>
      <c r="O31" s="210">
        <v>22.94</v>
      </c>
      <c r="P31" s="211">
        <v>13</v>
      </c>
      <c r="Q31" s="212">
        <v>-0.17</v>
      </c>
      <c r="R31" s="213"/>
      <c r="S31" s="213"/>
      <c r="T31" s="213"/>
    </row>
    <row r="32" spans="1:20" ht="20.100000000000001" customHeight="1" x14ac:dyDescent="0.15">
      <c r="A32" s="207">
        <v>27</v>
      </c>
      <c r="B32" s="208" t="s">
        <v>35</v>
      </c>
      <c r="C32" s="209">
        <v>28.88</v>
      </c>
      <c r="D32" s="26">
        <v>7</v>
      </c>
      <c r="E32" s="44">
        <v>-1.1399999999999999</v>
      </c>
      <c r="F32" s="25">
        <v>28.41</v>
      </c>
      <c r="G32" s="26">
        <v>5</v>
      </c>
      <c r="H32" s="44">
        <v>-0.47</v>
      </c>
      <c r="I32" s="77">
        <v>28</v>
      </c>
      <c r="J32" s="83">
        <v>4</v>
      </c>
      <c r="K32" s="44">
        <v>-0.41</v>
      </c>
      <c r="L32" s="77">
        <v>27.14</v>
      </c>
      <c r="M32" s="83">
        <v>4</v>
      </c>
      <c r="N32" s="25">
        <v>-0.86</v>
      </c>
      <c r="O32" s="210">
        <v>26.34</v>
      </c>
      <c r="P32" s="211">
        <v>4</v>
      </c>
      <c r="Q32" s="212">
        <v>-0.8</v>
      </c>
      <c r="R32" s="213"/>
      <c r="S32" s="213"/>
      <c r="T32" s="213"/>
    </row>
    <row r="33" spans="1:20" ht="20.100000000000001" customHeight="1" x14ac:dyDescent="0.15">
      <c r="A33" s="207">
        <v>28</v>
      </c>
      <c r="B33" s="208" t="s">
        <v>36</v>
      </c>
      <c r="C33" s="209">
        <v>20.56</v>
      </c>
      <c r="D33" s="26">
        <v>32</v>
      </c>
      <c r="E33" s="44">
        <v>-1.75</v>
      </c>
      <c r="F33" s="25">
        <v>19.350000000000001</v>
      </c>
      <c r="G33" s="26">
        <v>32</v>
      </c>
      <c r="H33" s="44">
        <v>-1.21</v>
      </c>
      <c r="I33" s="77">
        <v>18.09</v>
      </c>
      <c r="J33" s="83">
        <v>32</v>
      </c>
      <c r="K33" s="44">
        <v>-1.26</v>
      </c>
      <c r="L33" s="77">
        <v>17.39</v>
      </c>
      <c r="M33" s="83">
        <v>32</v>
      </c>
      <c r="N33" s="25">
        <v>-0.7</v>
      </c>
      <c r="O33" s="210">
        <v>16.98</v>
      </c>
      <c r="P33" s="211">
        <v>32</v>
      </c>
      <c r="Q33" s="212">
        <v>-0.41</v>
      </c>
      <c r="R33" s="213"/>
      <c r="S33" s="213"/>
      <c r="T33" s="213"/>
    </row>
    <row r="34" spans="1:20" ht="20.100000000000001" customHeight="1" x14ac:dyDescent="0.15">
      <c r="A34" s="207">
        <v>29</v>
      </c>
      <c r="B34" s="208" t="s">
        <v>37</v>
      </c>
      <c r="C34" s="209">
        <v>29.79</v>
      </c>
      <c r="D34" s="26">
        <v>5</v>
      </c>
      <c r="E34" s="44">
        <v>-2.52</v>
      </c>
      <c r="F34" s="25">
        <v>27.73</v>
      </c>
      <c r="G34" s="26">
        <v>8</v>
      </c>
      <c r="H34" s="44">
        <v>-2.06</v>
      </c>
      <c r="I34" s="77">
        <v>26.94</v>
      </c>
      <c r="J34" s="83">
        <v>7</v>
      </c>
      <c r="K34" s="44">
        <v>-0.79</v>
      </c>
      <c r="L34" s="77">
        <v>25.42</v>
      </c>
      <c r="M34" s="83">
        <v>7</v>
      </c>
      <c r="N34" s="25">
        <v>-1.52</v>
      </c>
      <c r="O34" s="210">
        <v>23.69</v>
      </c>
      <c r="P34" s="211">
        <v>10</v>
      </c>
      <c r="Q34" s="212">
        <v>-1.73</v>
      </c>
      <c r="R34" s="213"/>
      <c r="S34" s="213"/>
      <c r="T34" s="213"/>
    </row>
    <row r="35" spans="1:20" ht="20.100000000000001" customHeight="1" x14ac:dyDescent="0.15">
      <c r="A35" s="207">
        <v>30</v>
      </c>
      <c r="B35" s="208" t="s">
        <v>38</v>
      </c>
      <c r="C35" s="209">
        <v>35.659999999999997</v>
      </c>
      <c r="D35" s="26">
        <v>1</v>
      </c>
      <c r="E35" s="44">
        <v>-1.96</v>
      </c>
      <c r="F35" s="25">
        <v>33.86</v>
      </c>
      <c r="G35" s="26">
        <v>1</v>
      </c>
      <c r="H35" s="44">
        <v>-1.8</v>
      </c>
      <c r="I35" s="77">
        <v>32.26</v>
      </c>
      <c r="J35" s="83">
        <v>1</v>
      </c>
      <c r="K35" s="44">
        <v>-1.6</v>
      </c>
      <c r="L35" s="77">
        <v>31.53</v>
      </c>
      <c r="M35" s="83">
        <v>1</v>
      </c>
      <c r="N35" s="25">
        <v>-0.73</v>
      </c>
      <c r="O35" s="210">
        <v>31.79</v>
      </c>
      <c r="P35" s="211">
        <v>1</v>
      </c>
      <c r="Q35" s="212">
        <v>0.26</v>
      </c>
      <c r="R35" s="213"/>
      <c r="S35" s="213"/>
      <c r="T35" s="213"/>
    </row>
    <row r="36" spans="1:20" ht="20.100000000000001" customHeight="1" x14ac:dyDescent="0.15">
      <c r="A36" s="207">
        <v>31</v>
      </c>
      <c r="B36" s="208" t="s">
        <v>39</v>
      </c>
      <c r="C36" s="209">
        <v>32.42</v>
      </c>
      <c r="D36" s="26">
        <v>3</v>
      </c>
      <c r="E36" s="44">
        <v>-2.13</v>
      </c>
      <c r="F36" s="25">
        <v>30.49</v>
      </c>
      <c r="G36" s="26">
        <v>3</v>
      </c>
      <c r="H36" s="44">
        <v>-1.93</v>
      </c>
      <c r="I36" s="77">
        <v>29.5</v>
      </c>
      <c r="J36" s="83">
        <v>3</v>
      </c>
      <c r="K36" s="44">
        <v>-0.99</v>
      </c>
      <c r="L36" s="77">
        <v>28.6</v>
      </c>
      <c r="M36" s="83">
        <v>3</v>
      </c>
      <c r="N36" s="25">
        <v>-0.9</v>
      </c>
      <c r="O36" s="210">
        <v>27.91</v>
      </c>
      <c r="P36" s="211">
        <v>3</v>
      </c>
      <c r="Q36" s="212">
        <v>-0.69</v>
      </c>
      <c r="R36" s="213"/>
      <c r="S36" s="213"/>
      <c r="T36" s="213"/>
    </row>
    <row r="37" spans="1:20" ht="20.100000000000001" customHeight="1" x14ac:dyDescent="0.15">
      <c r="A37" s="207">
        <v>32</v>
      </c>
      <c r="B37" s="208" t="s">
        <v>40</v>
      </c>
      <c r="C37" s="209">
        <v>30.92</v>
      </c>
      <c r="D37" s="26">
        <v>4</v>
      </c>
      <c r="E37" s="44">
        <v>-2.0699999999999998</v>
      </c>
      <c r="F37" s="25">
        <v>29.32</v>
      </c>
      <c r="G37" s="26">
        <v>4</v>
      </c>
      <c r="H37" s="44">
        <v>-1.6</v>
      </c>
      <c r="I37" s="77">
        <v>27.88</v>
      </c>
      <c r="J37" s="83">
        <v>5</v>
      </c>
      <c r="K37" s="44">
        <v>-1.44</v>
      </c>
      <c r="L37" s="77">
        <v>26.92</v>
      </c>
      <c r="M37" s="83">
        <v>5</v>
      </c>
      <c r="N37" s="25">
        <v>-0.96</v>
      </c>
      <c r="O37" s="210">
        <v>26.17</v>
      </c>
      <c r="P37" s="211">
        <v>5</v>
      </c>
      <c r="Q37" s="212">
        <v>-0.75</v>
      </c>
      <c r="R37" s="213"/>
      <c r="S37" s="213"/>
      <c r="T37" s="213"/>
    </row>
    <row r="38" spans="1:20" ht="20.100000000000001" customHeight="1" thickBot="1" x14ac:dyDescent="0.2">
      <c r="A38" s="207">
        <v>33</v>
      </c>
      <c r="B38" s="208" t="s">
        <v>41</v>
      </c>
      <c r="C38" s="209">
        <v>28.81</v>
      </c>
      <c r="D38" s="26">
        <v>8</v>
      </c>
      <c r="E38" s="44">
        <v>-1.62</v>
      </c>
      <c r="F38" s="25">
        <v>28.08</v>
      </c>
      <c r="G38" s="26">
        <v>6</v>
      </c>
      <c r="H38" s="44">
        <v>-0.73</v>
      </c>
      <c r="I38" s="77">
        <v>26.99</v>
      </c>
      <c r="J38" s="83">
        <v>6</v>
      </c>
      <c r="K38" s="44">
        <v>-1.0900000000000001</v>
      </c>
      <c r="L38" s="77">
        <v>25.2</v>
      </c>
      <c r="M38" s="83">
        <v>8</v>
      </c>
      <c r="N38" s="25">
        <v>-1.79</v>
      </c>
      <c r="O38" s="210">
        <v>26.07</v>
      </c>
      <c r="P38" s="211">
        <v>6</v>
      </c>
      <c r="Q38" s="221">
        <v>0.87</v>
      </c>
      <c r="R38" s="213"/>
      <c r="S38" s="213"/>
      <c r="T38" s="213"/>
    </row>
    <row r="39" spans="1:20" ht="20.100000000000001" hidden="1" customHeight="1" thickTop="1" x14ac:dyDescent="0.15">
      <c r="A39" s="207">
        <v>34</v>
      </c>
      <c r="B39" s="222" t="s">
        <v>42</v>
      </c>
      <c r="C39" s="223" t="s">
        <v>48</v>
      </c>
      <c r="D39" s="30" t="s">
        <v>48</v>
      </c>
      <c r="E39" s="73" t="e">
        <v>#VALUE!</v>
      </c>
      <c r="F39" s="29" t="s">
        <v>48</v>
      </c>
      <c r="G39" s="30" t="s">
        <v>48</v>
      </c>
      <c r="H39" s="73" t="e">
        <v>#VALUE!</v>
      </c>
      <c r="I39" s="79" t="s">
        <v>48</v>
      </c>
      <c r="J39" s="85" t="s">
        <v>48</v>
      </c>
      <c r="K39" s="73" t="e">
        <v>#VALUE!</v>
      </c>
      <c r="L39" s="79" t="s">
        <v>48</v>
      </c>
      <c r="M39" s="85" t="s">
        <v>48</v>
      </c>
      <c r="N39" s="29" t="e">
        <v>#VALUE!</v>
      </c>
      <c r="O39" s="79" t="s">
        <v>48</v>
      </c>
      <c r="P39" s="224" t="s">
        <v>63</v>
      </c>
      <c r="Q39" s="225" t="e">
        <v>#VALUE!</v>
      </c>
      <c r="R39" s="226"/>
      <c r="S39" s="226"/>
      <c r="T39" s="226"/>
    </row>
    <row r="40" spans="1:20" ht="20.100000000000001" hidden="1" customHeight="1" x14ac:dyDescent="0.15">
      <c r="A40" s="207">
        <v>35</v>
      </c>
      <c r="B40" s="222" t="s">
        <v>43</v>
      </c>
      <c r="C40" s="223" t="s">
        <v>48</v>
      </c>
      <c r="D40" s="30" t="s">
        <v>48</v>
      </c>
      <c r="E40" s="73" t="e">
        <v>#VALUE!</v>
      </c>
      <c r="F40" s="29" t="s">
        <v>48</v>
      </c>
      <c r="G40" s="30" t="s">
        <v>48</v>
      </c>
      <c r="H40" s="73" t="e">
        <v>#VALUE!</v>
      </c>
      <c r="I40" s="79" t="s">
        <v>48</v>
      </c>
      <c r="J40" s="85" t="s">
        <v>48</v>
      </c>
      <c r="K40" s="73" t="e">
        <v>#VALUE!</v>
      </c>
      <c r="L40" s="79" t="s">
        <v>48</v>
      </c>
      <c r="M40" s="85" t="s">
        <v>48</v>
      </c>
      <c r="N40" s="29" t="e">
        <v>#VALUE!</v>
      </c>
      <c r="O40" s="79" t="s">
        <v>48</v>
      </c>
      <c r="P40" s="224" t="s">
        <v>63</v>
      </c>
      <c r="Q40" s="225" t="e">
        <v>#VALUE!</v>
      </c>
      <c r="R40" s="226"/>
      <c r="S40" s="226"/>
      <c r="T40" s="226"/>
    </row>
    <row r="41" spans="1:20" ht="20.100000000000001" hidden="1" customHeight="1" x14ac:dyDescent="0.15">
      <c r="A41" s="207">
        <v>36</v>
      </c>
      <c r="B41" s="222" t="s">
        <v>44</v>
      </c>
      <c r="C41" s="223" t="s">
        <v>48</v>
      </c>
      <c r="D41" s="30" t="s">
        <v>48</v>
      </c>
      <c r="E41" s="73" t="e">
        <v>#VALUE!</v>
      </c>
      <c r="F41" s="29" t="s">
        <v>48</v>
      </c>
      <c r="G41" s="30" t="s">
        <v>48</v>
      </c>
      <c r="H41" s="73" t="e">
        <v>#VALUE!</v>
      </c>
      <c r="I41" s="79" t="s">
        <v>48</v>
      </c>
      <c r="J41" s="85" t="s">
        <v>48</v>
      </c>
      <c r="K41" s="73" t="e">
        <v>#VALUE!</v>
      </c>
      <c r="L41" s="79" t="s">
        <v>48</v>
      </c>
      <c r="M41" s="85" t="s">
        <v>48</v>
      </c>
      <c r="N41" s="29" t="e">
        <v>#VALUE!</v>
      </c>
      <c r="O41" s="79" t="s">
        <v>48</v>
      </c>
      <c r="P41" s="224" t="s">
        <v>63</v>
      </c>
      <c r="Q41" s="225" t="e">
        <v>#VALUE!</v>
      </c>
      <c r="R41" s="226"/>
      <c r="S41" s="226"/>
      <c r="T41" s="226"/>
    </row>
    <row r="42" spans="1:20" ht="20.100000000000001" hidden="1" customHeight="1" thickBot="1" x14ac:dyDescent="0.2">
      <c r="A42" s="207">
        <v>37</v>
      </c>
      <c r="B42" s="227" t="s">
        <v>45</v>
      </c>
      <c r="C42" s="228" t="s">
        <v>48</v>
      </c>
      <c r="D42" s="32" t="s">
        <v>48</v>
      </c>
      <c r="E42" s="74" t="e">
        <v>#VALUE!</v>
      </c>
      <c r="F42" s="31" t="s">
        <v>48</v>
      </c>
      <c r="G42" s="32" t="s">
        <v>48</v>
      </c>
      <c r="H42" s="74" t="e">
        <v>#VALUE!</v>
      </c>
      <c r="I42" s="80" t="s">
        <v>48</v>
      </c>
      <c r="J42" s="86" t="s">
        <v>48</v>
      </c>
      <c r="K42" s="74" t="e">
        <v>#VALUE!</v>
      </c>
      <c r="L42" s="80" t="s">
        <v>48</v>
      </c>
      <c r="M42" s="86" t="s">
        <v>48</v>
      </c>
      <c r="N42" s="31" t="e">
        <v>#VALUE!</v>
      </c>
      <c r="O42" s="229" t="s">
        <v>48</v>
      </c>
      <c r="P42" s="224" t="s">
        <v>63</v>
      </c>
      <c r="Q42" s="225" t="e">
        <v>#VALUE!</v>
      </c>
      <c r="R42" s="226"/>
      <c r="S42" s="226"/>
      <c r="T42" s="226"/>
    </row>
    <row r="43" spans="1:20" ht="20.100000000000001" customHeight="1" thickTop="1" thickBot="1" x14ac:dyDescent="0.25">
      <c r="A43" s="248" t="s">
        <v>59</v>
      </c>
      <c r="B43" s="249"/>
      <c r="C43" s="230">
        <v>22.44</v>
      </c>
      <c r="D43" s="34"/>
      <c r="E43" s="75">
        <v>-1.49</v>
      </c>
      <c r="F43" s="33">
        <v>21.18</v>
      </c>
      <c r="G43" s="34"/>
      <c r="H43" s="75">
        <v>-1.26</v>
      </c>
      <c r="I43" s="81">
        <v>20.18</v>
      </c>
      <c r="J43" s="87"/>
      <c r="K43" s="75">
        <v>-1</v>
      </c>
      <c r="L43" s="81">
        <v>19.43</v>
      </c>
      <c r="M43" s="87"/>
      <c r="N43" s="33">
        <v>-0.75</v>
      </c>
      <c r="O43" s="231">
        <v>19.11</v>
      </c>
      <c r="P43" s="232"/>
      <c r="Q43" s="225">
        <v>-0.32</v>
      </c>
      <c r="R43" s="233"/>
      <c r="S43" s="233"/>
      <c r="T43" s="233"/>
    </row>
    <row r="44" spans="1:20" ht="20.100000000000001" customHeight="1" thickTop="1" thickBot="1" x14ac:dyDescent="0.25">
      <c r="A44" s="250" t="s">
        <v>60</v>
      </c>
      <c r="B44" s="251"/>
      <c r="C44" s="234">
        <v>24</v>
      </c>
      <c r="D44" s="36"/>
      <c r="E44" s="76">
        <v>-1.54</v>
      </c>
      <c r="F44" s="35">
        <v>22.69</v>
      </c>
      <c r="G44" s="36"/>
      <c r="H44" s="76">
        <v>-1.31</v>
      </c>
      <c r="I44" s="82">
        <v>21.64</v>
      </c>
      <c r="J44" s="88"/>
      <c r="K44" s="76">
        <v>-1.05</v>
      </c>
      <c r="L44" s="82">
        <v>20.88</v>
      </c>
      <c r="M44" s="88"/>
      <c r="N44" s="35">
        <v>-0.76</v>
      </c>
      <c r="O44" s="235">
        <v>20.55</v>
      </c>
      <c r="P44" s="236"/>
      <c r="Q44" s="237">
        <v>-0.33</v>
      </c>
      <c r="R44" s="233"/>
      <c r="S44" s="233"/>
      <c r="T44" s="233"/>
    </row>
    <row r="45" spans="1:20" ht="15.9" customHeight="1" x14ac:dyDescent="0.15">
      <c r="Q45" s="238"/>
      <c r="R45" s="238"/>
      <c r="S45" s="238"/>
      <c r="T45" s="238"/>
    </row>
    <row r="46" spans="1:20" ht="15.9" customHeight="1" x14ac:dyDescent="0.15">
      <c r="Q46" s="238"/>
      <c r="R46" s="238"/>
      <c r="S46" s="238"/>
      <c r="T46" s="238"/>
    </row>
    <row r="47" spans="1:20" ht="15.9" customHeight="1" x14ac:dyDescent="0.15"/>
    <row r="48" spans="1:20" ht="15.9" customHeight="1" x14ac:dyDescent="0.15"/>
    <row r="49" ht="15.9" customHeight="1" x14ac:dyDescent="0.15"/>
    <row r="50" ht="15.9" customHeight="1" x14ac:dyDescent="0.15"/>
    <row r="51" ht="15.9" customHeight="1" x14ac:dyDescent="0.15"/>
    <row r="52" ht="15" customHeight="1" x14ac:dyDescent="0.15"/>
  </sheetData>
  <mergeCells count="8">
    <mergeCell ref="A43:B43"/>
    <mergeCell ref="A44:B44"/>
    <mergeCell ref="A3:B5"/>
    <mergeCell ref="O3:Q3"/>
    <mergeCell ref="C3:E3"/>
    <mergeCell ref="L3:N3"/>
    <mergeCell ref="I3:K3"/>
    <mergeCell ref="F3:H3"/>
  </mergeCells>
  <phoneticPr fontId="0"/>
  <printOptions horizontalCentered="1" gridLinesSet="0"/>
  <pageMargins left="0.47244094488188981" right="0.35433070866141736" top="0.59055118110236227" bottom="0.15748031496062992" header="0.51181102362204722" footer="0.15748031496062992"/>
  <pageSetup paperSize="9" scale="95" orientation="portrait" blackAndWhite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157"/>
  <sheetViews>
    <sheetView zoomScaleNormal="100" zoomScaleSheetLayoutView="100" workbookViewId="0"/>
  </sheetViews>
  <sheetFormatPr defaultColWidth="9" defaultRowHeight="10.8" x14ac:dyDescent="0.15"/>
  <cols>
    <col min="1" max="1" width="3.77734375" style="100" customWidth="1"/>
    <col min="2" max="2" width="11.77734375" style="100" customWidth="1"/>
    <col min="3" max="3" width="10" style="100" customWidth="1"/>
    <col min="4" max="4" width="6.88671875" style="100" customWidth="1"/>
    <col min="5" max="5" width="5" style="100" customWidth="1"/>
    <col min="6" max="6" width="6.88671875" style="100" customWidth="1"/>
    <col min="7" max="7" width="5" style="100" customWidth="1"/>
    <col min="8" max="8" width="6.88671875" style="100" customWidth="1"/>
    <col min="9" max="9" width="5" style="100" customWidth="1"/>
    <col min="10" max="10" width="6.88671875" style="100" customWidth="1"/>
    <col min="11" max="11" width="5" style="100" customWidth="1"/>
    <col min="12" max="12" width="6.88671875" style="100" customWidth="1"/>
    <col min="13" max="13" width="5" style="100" customWidth="1"/>
    <col min="14" max="14" width="6.88671875" style="100" customWidth="1"/>
    <col min="15" max="15" width="5" style="100" customWidth="1"/>
    <col min="16" max="16" width="6.88671875" style="100" customWidth="1"/>
    <col min="17" max="17" width="5" style="100" customWidth="1"/>
    <col min="18" max="18" width="6.88671875" style="100" customWidth="1"/>
    <col min="19" max="19" width="5" style="100" customWidth="1"/>
    <col min="20" max="20" width="6.88671875" style="100" customWidth="1"/>
    <col min="21" max="21" width="5" style="100" customWidth="1"/>
    <col min="22" max="22" width="6.88671875" style="100" customWidth="1"/>
    <col min="23" max="23" width="5" style="100" customWidth="1"/>
    <col min="24" max="24" width="6.88671875" style="100" customWidth="1"/>
    <col min="25" max="25" width="5" style="100" customWidth="1"/>
    <col min="26" max="26" width="6.88671875" style="100" customWidth="1"/>
    <col min="27" max="27" width="5" style="100" customWidth="1"/>
    <col min="28" max="28" width="6.88671875" style="100" customWidth="1"/>
    <col min="29" max="29" width="5" style="100" customWidth="1"/>
    <col min="30" max="30" width="6.88671875" style="100" customWidth="1"/>
    <col min="31" max="31" width="5" style="100" customWidth="1"/>
    <col min="32" max="32" width="6.88671875" style="100" customWidth="1"/>
    <col min="33" max="33" width="5" style="100" customWidth="1"/>
    <col min="34" max="34" width="6.109375" style="100" hidden="1" customWidth="1"/>
    <col min="35" max="35" width="4.6640625" style="100" hidden="1" customWidth="1"/>
    <col min="36" max="36" width="6.109375" style="100" hidden="1" customWidth="1"/>
    <col min="37" max="37" width="4.6640625" style="100" hidden="1" customWidth="1"/>
    <col min="38" max="38" width="6.109375" style="100" hidden="1" customWidth="1"/>
    <col min="39" max="39" width="4.6640625" style="100" hidden="1" customWidth="1"/>
    <col min="40" max="16384" width="9" style="100"/>
  </cols>
  <sheetData>
    <row r="1" spans="1:39" ht="15.75" customHeight="1" x14ac:dyDescent="0.2">
      <c r="A1" s="190" t="s">
        <v>154</v>
      </c>
      <c r="B1" s="167"/>
      <c r="H1" s="189"/>
      <c r="I1" s="189"/>
      <c r="J1" s="188"/>
    </row>
    <row r="2" spans="1:39" ht="13.5" customHeight="1" thickBot="1" x14ac:dyDescent="0.2">
      <c r="A2" s="167"/>
      <c r="B2" s="167"/>
      <c r="C2" s="167"/>
      <c r="S2" s="186"/>
      <c r="T2" s="187"/>
      <c r="AG2" s="186" t="s">
        <v>153</v>
      </c>
      <c r="AM2" s="186" t="s">
        <v>152</v>
      </c>
    </row>
    <row r="3" spans="1:39" s="179" customFormat="1" ht="20.100000000000001" customHeight="1" x14ac:dyDescent="0.15">
      <c r="A3" s="267" t="s">
        <v>0</v>
      </c>
      <c r="B3" s="268"/>
      <c r="C3" s="265" t="s">
        <v>151</v>
      </c>
      <c r="D3" s="184" t="s">
        <v>150</v>
      </c>
      <c r="E3" s="185"/>
      <c r="F3" s="184" t="s">
        <v>149</v>
      </c>
      <c r="G3" s="185"/>
      <c r="H3" s="184" t="s">
        <v>148</v>
      </c>
      <c r="I3" s="185"/>
      <c r="J3" s="184" t="s">
        <v>147</v>
      </c>
      <c r="K3" s="185"/>
      <c r="L3" s="184" t="s">
        <v>146</v>
      </c>
      <c r="M3" s="185"/>
      <c r="N3" s="184" t="s">
        <v>145</v>
      </c>
      <c r="O3" s="185"/>
      <c r="P3" s="184" t="s">
        <v>144</v>
      </c>
      <c r="Q3" s="185"/>
      <c r="R3" s="184" t="s">
        <v>143</v>
      </c>
      <c r="S3" s="185"/>
      <c r="T3" s="184" t="s">
        <v>142</v>
      </c>
      <c r="U3" s="185"/>
      <c r="V3" s="184" t="s">
        <v>141</v>
      </c>
      <c r="W3" s="185"/>
      <c r="X3" s="184" t="s">
        <v>140</v>
      </c>
      <c r="Y3" s="185"/>
      <c r="Z3" s="184" t="s">
        <v>139</v>
      </c>
      <c r="AA3" s="185"/>
      <c r="AB3" s="184" t="s">
        <v>138</v>
      </c>
      <c r="AC3" s="185"/>
      <c r="AD3" s="184" t="s">
        <v>137</v>
      </c>
      <c r="AE3" s="185"/>
      <c r="AF3" s="184" t="s">
        <v>136</v>
      </c>
      <c r="AG3" s="183"/>
      <c r="AH3" s="181" t="s">
        <v>135</v>
      </c>
      <c r="AI3" s="182"/>
      <c r="AJ3" s="181" t="s">
        <v>134</v>
      </c>
      <c r="AK3" s="182"/>
      <c r="AL3" s="181" t="s">
        <v>133</v>
      </c>
      <c r="AM3" s="180"/>
    </row>
    <row r="4" spans="1:39" ht="20.100000000000001" customHeight="1" x14ac:dyDescent="0.15">
      <c r="A4" s="269"/>
      <c r="B4" s="270"/>
      <c r="C4" s="266"/>
      <c r="D4" s="178" t="s">
        <v>8</v>
      </c>
      <c r="E4" s="178" t="s">
        <v>132</v>
      </c>
      <c r="F4" s="178" t="s">
        <v>8</v>
      </c>
      <c r="G4" s="178" t="s">
        <v>132</v>
      </c>
      <c r="H4" s="178" t="s">
        <v>8</v>
      </c>
      <c r="I4" s="178" t="s">
        <v>132</v>
      </c>
      <c r="J4" s="178" t="s">
        <v>8</v>
      </c>
      <c r="K4" s="178" t="s">
        <v>132</v>
      </c>
      <c r="L4" s="178" t="s">
        <v>8</v>
      </c>
      <c r="M4" s="178" t="s">
        <v>132</v>
      </c>
      <c r="N4" s="178" t="s">
        <v>8</v>
      </c>
      <c r="O4" s="178" t="s">
        <v>132</v>
      </c>
      <c r="P4" s="178" t="s">
        <v>8</v>
      </c>
      <c r="Q4" s="178" t="s">
        <v>132</v>
      </c>
      <c r="R4" s="178" t="s">
        <v>8</v>
      </c>
      <c r="S4" s="178" t="s">
        <v>132</v>
      </c>
      <c r="T4" s="178" t="s">
        <v>8</v>
      </c>
      <c r="U4" s="178" t="s">
        <v>132</v>
      </c>
      <c r="V4" s="178" t="s">
        <v>8</v>
      </c>
      <c r="W4" s="178" t="s">
        <v>132</v>
      </c>
      <c r="X4" s="178" t="s">
        <v>8</v>
      </c>
      <c r="Y4" s="178" t="s">
        <v>132</v>
      </c>
      <c r="Z4" s="178" t="s">
        <v>8</v>
      </c>
      <c r="AA4" s="178" t="s">
        <v>132</v>
      </c>
      <c r="AB4" s="178" t="s">
        <v>8</v>
      </c>
      <c r="AC4" s="178" t="s">
        <v>132</v>
      </c>
      <c r="AD4" s="178" t="s">
        <v>8</v>
      </c>
      <c r="AE4" s="178" t="s">
        <v>132</v>
      </c>
      <c r="AF4" s="178" t="s">
        <v>8</v>
      </c>
      <c r="AG4" s="177" t="s">
        <v>132</v>
      </c>
      <c r="AH4" s="175" t="s">
        <v>8</v>
      </c>
      <c r="AI4" s="176" t="s">
        <v>132</v>
      </c>
      <c r="AJ4" s="175" t="s">
        <v>8</v>
      </c>
      <c r="AK4" s="176" t="s">
        <v>132</v>
      </c>
      <c r="AL4" s="175" t="s">
        <v>8</v>
      </c>
      <c r="AM4" s="174" t="s">
        <v>132</v>
      </c>
    </row>
    <row r="5" spans="1:39" s="167" customFormat="1" ht="20.100000000000001" customHeight="1" thickBot="1" x14ac:dyDescent="0.2">
      <c r="A5" s="271"/>
      <c r="B5" s="272"/>
      <c r="C5" s="172" t="s">
        <v>131</v>
      </c>
      <c r="D5" s="173" t="s">
        <v>130</v>
      </c>
      <c r="E5" s="173" t="s">
        <v>129</v>
      </c>
      <c r="F5" s="172" t="s">
        <v>130</v>
      </c>
      <c r="G5" s="172" t="s">
        <v>129</v>
      </c>
      <c r="H5" s="172" t="s">
        <v>130</v>
      </c>
      <c r="I5" s="172" t="s">
        <v>129</v>
      </c>
      <c r="J5" s="172" t="s">
        <v>130</v>
      </c>
      <c r="K5" s="172" t="s">
        <v>129</v>
      </c>
      <c r="L5" s="172" t="s">
        <v>130</v>
      </c>
      <c r="M5" s="172" t="s">
        <v>129</v>
      </c>
      <c r="N5" s="172" t="s">
        <v>130</v>
      </c>
      <c r="O5" s="172" t="s">
        <v>129</v>
      </c>
      <c r="P5" s="172" t="s">
        <v>130</v>
      </c>
      <c r="Q5" s="172" t="s">
        <v>129</v>
      </c>
      <c r="R5" s="172" t="s">
        <v>130</v>
      </c>
      <c r="S5" s="172" t="s">
        <v>129</v>
      </c>
      <c r="T5" s="172" t="s">
        <v>130</v>
      </c>
      <c r="U5" s="172" t="s">
        <v>129</v>
      </c>
      <c r="V5" s="172" t="s">
        <v>130</v>
      </c>
      <c r="W5" s="172" t="s">
        <v>129</v>
      </c>
      <c r="X5" s="172" t="s">
        <v>130</v>
      </c>
      <c r="Y5" s="172" t="s">
        <v>129</v>
      </c>
      <c r="Z5" s="172" t="s">
        <v>130</v>
      </c>
      <c r="AA5" s="172" t="s">
        <v>129</v>
      </c>
      <c r="AB5" s="172" t="s">
        <v>130</v>
      </c>
      <c r="AC5" s="172" t="s">
        <v>129</v>
      </c>
      <c r="AD5" s="172" t="s">
        <v>130</v>
      </c>
      <c r="AE5" s="172" t="s">
        <v>129</v>
      </c>
      <c r="AF5" s="172" t="s">
        <v>130</v>
      </c>
      <c r="AG5" s="171" t="s">
        <v>129</v>
      </c>
      <c r="AH5" s="169" t="s">
        <v>130</v>
      </c>
      <c r="AI5" s="170" t="s">
        <v>129</v>
      </c>
      <c r="AJ5" s="169" t="s">
        <v>130</v>
      </c>
      <c r="AK5" s="170" t="s">
        <v>129</v>
      </c>
      <c r="AL5" s="169" t="s">
        <v>130</v>
      </c>
      <c r="AM5" s="168" t="s">
        <v>129</v>
      </c>
    </row>
    <row r="6" spans="1:39" ht="18.75" customHeight="1" x14ac:dyDescent="0.15">
      <c r="A6" s="166" t="s">
        <v>128</v>
      </c>
      <c r="B6" s="165" t="s">
        <v>127</v>
      </c>
      <c r="C6" s="163">
        <v>682801</v>
      </c>
      <c r="D6" s="163">
        <v>10974</v>
      </c>
      <c r="E6" s="164">
        <v>1.61</v>
      </c>
      <c r="F6" s="163">
        <v>13010</v>
      </c>
      <c r="G6" s="164">
        <v>1.91</v>
      </c>
      <c r="H6" s="163">
        <v>14224</v>
      </c>
      <c r="I6" s="164">
        <v>2.08</v>
      </c>
      <c r="J6" s="163">
        <v>16906</v>
      </c>
      <c r="K6" s="164">
        <v>2.48</v>
      </c>
      <c r="L6" s="163">
        <v>26265</v>
      </c>
      <c r="M6" s="164">
        <v>3.85</v>
      </c>
      <c r="N6" s="163">
        <v>27114</v>
      </c>
      <c r="O6" s="164">
        <v>3.97</v>
      </c>
      <c r="P6" s="163">
        <v>27923</v>
      </c>
      <c r="Q6" s="164">
        <v>4.09</v>
      </c>
      <c r="R6" s="163">
        <v>31537</v>
      </c>
      <c r="S6" s="164">
        <v>4.62</v>
      </c>
      <c r="T6" s="163">
        <v>35567</v>
      </c>
      <c r="U6" s="164">
        <v>5.21</v>
      </c>
      <c r="V6" s="163">
        <v>44537</v>
      </c>
      <c r="W6" s="164">
        <v>6.52</v>
      </c>
      <c r="X6" s="163">
        <v>45155</v>
      </c>
      <c r="Y6" s="164">
        <v>6.61</v>
      </c>
      <c r="Z6" s="163">
        <v>43418</v>
      </c>
      <c r="AA6" s="164">
        <v>6.36</v>
      </c>
      <c r="AB6" s="163">
        <v>57637</v>
      </c>
      <c r="AC6" s="164">
        <v>8.44</v>
      </c>
      <c r="AD6" s="163">
        <v>113916</v>
      </c>
      <c r="AE6" s="164">
        <v>16.68</v>
      </c>
      <c r="AF6" s="163">
        <v>174618</v>
      </c>
      <c r="AG6" s="162">
        <v>25.57</v>
      </c>
      <c r="AH6" s="161" t="e">
        <v>#REF!</v>
      </c>
      <c r="AI6" s="160" t="e">
        <v>#REF!</v>
      </c>
      <c r="AJ6" s="158" t="e">
        <v>#REF!</v>
      </c>
      <c r="AK6" s="159" t="e">
        <v>#REF!</v>
      </c>
      <c r="AL6" s="158" t="e">
        <v>#REF!</v>
      </c>
      <c r="AM6" s="157" t="e">
        <v>#REF!</v>
      </c>
    </row>
    <row r="7" spans="1:39" ht="18.75" customHeight="1" x14ac:dyDescent="0.15">
      <c r="A7" s="156" t="s">
        <v>126</v>
      </c>
      <c r="B7" s="142" t="s">
        <v>125</v>
      </c>
      <c r="C7" s="140">
        <v>258656</v>
      </c>
      <c r="D7" s="140">
        <v>4668</v>
      </c>
      <c r="E7" s="141">
        <v>1.8</v>
      </c>
      <c r="F7" s="140">
        <v>4986</v>
      </c>
      <c r="G7" s="141">
        <v>1.93</v>
      </c>
      <c r="H7" s="140">
        <v>5573</v>
      </c>
      <c r="I7" s="141">
        <v>2.15</v>
      </c>
      <c r="J7" s="140">
        <v>6749</v>
      </c>
      <c r="K7" s="141">
        <v>2.61</v>
      </c>
      <c r="L7" s="140">
        <v>11875</v>
      </c>
      <c r="M7" s="141">
        <v>4.59</v>
      </c>
      <c r="N7" s="140">
        <v>13014</v>
      </c>
      <c r="O7" s="141">
        <v>5.03</v>
      </c>
      <c r="P7" s="140">
        <v>12880</v>
      </c>
      <c r="Q7" s="141">
        <v>4.9800000000000004</v>
      </c>
      <c r="R7" s="140">
        <v>14803</v>
      </c>
      <c r="S7" s="141">
        <v>5.72</v>
      </c>
      <c r="T7" s="140">
        <v>14969</v>
      </c>
      <c r="U7" s="141">
        <v>5.79</v>
      </c>
      <c r="V7" s="140">
        <v>17577</v>
      </c>
      <c r="W7" s="141">
        <v>6.8</v>
      </c>
      <c r="X7" s="140">
        <v>17734</v>
      </c>
      <c r="Y7" s="141">
        <v>6.86</v>
      </c>
      <c r="Z7" s="140">
        <v>17057</v>
      </c>
      <c r="AA7" s="141">
        <v>6.59</v>
      </c>
      <c r="AB7" s="140">
        <v>21291</v>
      </c>
      <c r="AC7" s="141">
        <v>8.23</v>
      </c>
      <c r="AD7" s="140">
        <v>38978</v>
      </c>
      <c r="AE7" s="141">
        <v>15.07</v>
      </c>
      <c r="AF7" s="140">
        <v>56502</v>
      </c>
      <c r="AG7" s="139">
        <v>21.84</v>
      </c>
      <c r="AH7" s="138" t="e">
        <v>#REF!</v>
      </c>
      <c r="AI7" s="137" t="e">
        <v>#REF!</v>
      </c>
      <c r="AJ7" s="135" t="e">
        <v>#REF!</v>
      </c>
      <c r="AK7" s="136" t="e">
        <v>#REF!</v>
      </c>
      <c r="AL7" s="135" t="e">
        <v>#REF!</v>
      </c>
      <c r="AM7" s="134" t="e">
        <v>#REF!</v>
      </c>
    </row>
    <row r="8" spans="1:39" ht="18.75" customHeight="1" x14ac:dyDescent="0.15">
      <c r="A8" s="156" t="s">
        <v>124</v>
      </c>
      <c r="B8" s="142" t="s">
        <v>123</v>
      </c>
      <c r="C8" s="140">
        <v>89526</v>
      </c>
      <c r="D8" s="140">
        <v>1570</v>
      </c>
      <c r="E8" s="141">
        <v>1.75</v>
      </c>
      <c r="F8" s="140">
        <v>1997</v>
      </c>
      <c r="G8" s="141">
        <v>2.23</v>
      </c>
      <c r="H8" s="140">
        <v>2196</v>
      </c>
      <c r="I8" s="141">
        <v>2.4500000000000002</v>
      </c>
      <c r="J8" s="140">
        <v>2365</v>
      </c>
      <c r="K8" s="141">
        <v>2.64</v>
      </c>
      <c r="L8" s="140">
        <v>2779</v>
      </c>
      <c r="M8" s="141">
        <v>3.1</v>
      </c>
      <c r="N8" s="140">
        <v>2586</v>
      </c>
      <c r="O8" s="141">
        <v>2.89</v>
      </c>
      <c r="P8" s="140">
        <v>2868</v>
      </c>
      <c r="Q8" s="141">
        <v>3.2</v>
      </c>
      <c r="R8" s="140">
        <v>3585</v>
      </c>
      <c r="S8" s="141">
        <v>4</v>
      </c>
      <c r="T8" s="140">
        <v>4228</v>
      </c>
      <c r="U8" s="141">
        <v>4.72</v>
      </c>
      <c r="V8" s="140">
        <v>5488</v>
      </c>
      <c r="W8" s="141">
        <v>6.13</v>
      </c>
      <c r="X8" s="140">
        <v>5214</v>
      </c>
      <c r="Y8" s="141">
        <v>5.82</v>
      </c>
      <c r="Z8" s="140">
        <v>5011</v>
      </c>
      <c r="AA8" s="141">
        <v>5.6</v>
      </c>
      <c r="AB8" s="140">
        <v>7506</v>
      </c>
      <c r="AC8" s="141">
        <v>8.3800000000000008</v>
      </c>
      <c r="AD8" s="140">
        <v>16303</v>
      </c>
      <c r="AE8" s="141">
        <v>18.21</v>
      </c>
      <c r="AF8" s="140">
        <v>25830</v>
      </c>
      <c r="AG8" s="139">
        <v>28.85</v>
      </c>
      <c r="AH8" s="138" t="e">
        <v>#REF!</v>
      </c>
      <c r="AI8" s="137" t="e">
        <v>#REF!</v>
      </c>
      <c r="AJ8" s="135" t="e">
        <v>#REF!</v>
      </c>
      <c r="AK8" s="136" t="e">
        <v>#REF!</v>
      </c>
      <c r="AL8" s="135" t="e">
        <v>#REF!</v>
      </c>
      <c r="AM8" s="134" t="e">
        <v>#REF!</v>
      </c>
    </row>
    <row r="9" spans="1:39" ht="18.75" customHeight="1" x14ac:dyDescent="0.15">
      <c r="A9" s="156" t="s">
        <v>122</v>
      </c>
      <c r="B9" s="142" t="s">
        <v>121</v>
      </c>
      <c r="C9" s="140">
        <v>56065</v>
      </c>
      <c r="D9" s="140">
        <v>927</v>
      </c>
      <c r="E9" s="141">
        <v>1.65</v>
      </c>
      <c r="F9" s="140">
        <v>1198</v>
      </c>
      <c r="G9" s="141">
        <v>2.14</v>
      </c>
      <c r="H9" s="140">
        <v>1271</v>
      </c>
      <c r="I9" s="141">
        <v>2.27</v>
      </c>
      <c r="J9" s="140">
        <v>1518</v>
      </c>
      <c r="K9" s="141">
        <v>2.71</v>
      </c>
      <c r="L9" s="140">
        <v>1819</v>
      </c>
      <c r="M9" s="141">
        <v>3.24</v>
      </c>
      <c r="N9" s="140">
        <v>1709</v>
      </c>
      <c r="O9" s="141">
        <v>3.05</v>
      </c>
      <c r="P9" s="140">
        <v>1832</v>
      </c>
      <c r="Q9" s="141">
        <v>3.27</v>
      </c>
      <c r="R9" s="140">
        <v>2355</v>
      </c>
      <c r="S9" s="141">
        <v>4.2</v>
      </c>
      <c r="T9" s="140">
        <v>2865</v>
      </c>
      <c r="U9" s="141">
        <v>5.1100000000000003</v>
      </c>
      <c r="V9" s="140">
        <v>3466</v>
      </c>
      <c r="W9" s="141">
        <v>6.18</v>
      </c>
      <c r="X9" s="140">
        <v>3359</v>
      </c>
      <c r="Y9" s="141">
        <v>5.99</v>
      </c>
      <c r="Z9" s="140">
        <v>3317</v>
      </c>
      <c r="AA9" s="141">
        <v>5.92</v>
      </c>
      <c r="AB9" s="140">
        <v>4811</v>
      </c>
      <c r="AC9" s="141">
        <v>8.58</v>
      </c>
      <c r="AD9" s="140">
        <v>10485</v>
      </c>
      <c r="AE9" s="141">
        <v>18.7</v>
      </c>
      <c r="AF9" s="140">
        <v>15133</v>
      </c>
      <c r="AG9" s="139">
        <v>26.99</v>
      </c>
      <c r="AH9" s="138" t="e">
        <v>#REF!</v>
      </c>
      <c r="AI9" s="137" t="e">
        <v>#REF!</v>
      </c>
      <c r="AJ9" s="135" t="e">
        <v>#REF!</v>
      </c>
      <c r="AK9" s="136" t="e">
        <v>#REF!</v>
      </c>
      <c r="AL9" s="135" t="e">
        <v>#REF!</v>
      </c>
      <c r="AM9" s="134" t="e">
        <v>#REF!</v>
      </c>
    </row>
    <row r="10" spans="1:39" ht="18.75" customHeight="1" x14ac:dyDescent="0.15">
      <c r="A10" s="156" t="s">
        <v>120</v>
      </c>
      <c r="B10" s="142" t="s">
        <v>119</v>
      </c>
      <c r="C10" s="140">
        <v>36252</v>
      </c>
      <c r="D10" s="140">
        <v>534</v>
      </c>
      <c r="E10" s="141">
        <v>1.47</v>
      </c>
      <c r="F10" s="140">
        <v>706</v>
      </c>
      <c r="G10" s="141">
        <v>1.95</v>
      </c>
      <c r="H10" s="140">
        <v>748</v>
      </c>
      <c r="I10" s="141">
        <v>2.06</v>
      </c>
      <c r="J10" s="140">
        <v>802</v>
      </c>
      <c r="K10" s="141">
        <v>2.21</v>
      </c>
      <c r="L10" s="140">
        <v>879</v>
      </c>
      <c r="M10" s="141">
        <v>2.42</v>
      </c>
      <c r="N10" s="140">
        <v>855</v>
      </c>
      <c r="O10" s="141">
        <v>2.36</v>
      </c>
      <c r="P10" s="140">
        <v>1094</v>
      </c>
      <c r="Q10" s="141">
        <v>3.02</v>
      </c>
      <c r="R10" s="140">
        <v>1560</v>
      </c>
      <c r="S10" s="141">
        <v>4.3</v>
      </c>
      <c r="T10" s="140">
        <v>1973</v>
      </c>
      <c r="U10" s="141">
        <v>5.44</v>
      </c>
      <c r="V10" s="140">
        <v>2606</v>
      </c>
      <c r="W10" s="141">
        <v>7.19</v>
      </c>
      <c r="X10" s="140">
        <v>2658</v>
      </c>
      <c r="Y10" s="141">
        <v>7.33</v>
      </c>
      <c r="Z10" s="140">
        <v>2621</v>
      </c>
      <c r="AA10" s="141">
        <v>7.23</v>
      </c>
      <c r="AB10" s="140">
        <v>3273</v>
      </c>
      <c r="AC10" s="141">
        <v>9.0299999999999994</v>
      </c>
      <c r="AD10" s="140">
        <v>5945</v>
      </c>
      <c r="AE10" s="141">
        <v>16.399999999999999</v>
      </c>
      <c r="AF10" s="140">
        <v>9998</v>
      </c>
      <c r="AG10" s="139">
        <v>27.58</v>
      </c>
      <c r="AH10" s="138" t="e">
        <v>#REF!</v>
      </c>
      <c r="AI10" s="137" t="e">
        <v>#REF!</v>
      </c>
      <c r="AJ10" s="135" t="e">
        <v>#REF!</v>
      </c>
      <c r="AK10" s="136" t="e">
        <v>#REF!</v>
      </c>
      <c r="AL10" s="135" t="e">
        <v>#REF!</v>
      </c>
      <c r="AM10" s="134" t="e">
        <v>#REF!</v>
      </c>
    </row>
    <row r="11" spans="1:39" ht="18.75" customHeight="1" x14ac:dyDescent="0.15">
      <c r="A11" s="156" t="s">
        <v>118</v>
      </c>
      <c r="B11" s="142" t="s">
        <v>117</v>
      </c>
      <c r="C11" s="140">
        <v>84225</v>
      </c>
      <c r="D11" s="140">
        <v>1549</v>
      </c>
      <c r="E11" s="141">
        <v>1.84</v>
      </c>
      <c r="F11" s="140">
        <v>1842</v>
      </c>
      <c r="G11" s="141">
        <v>2.19</v>
      </c>
      <c r="H11" s="140">
        <v>2143</v>
      </c>
      <c r="I11" s="141">
        <v>2.54</v>
      </c>
      <c r="J11" s="140">
        <v>2314</v>
      </c>
      <c r="K11" s="141">
        <v>2.75</v>
      </c>
      <c r="L11" s="140">
        <v>2845</v>
      </c>
      <c r="M11" s="141">
        <v>3.38</v>
      </c>
      <c r="N11" s="140">
        <v>2775</v>
      </c>
      <c r="O11" s="141">
        <v>3.29</v>
      </c>
      <c r="P11" s="140">
        <v>3050</v>
      </c>
      <c r="Q11" s="141">
        <v>3.62</v>
      </c>
      <c r="R11" s="140">
        <v>3904</v>
      </c>
      <c r="S11" s="141">
        <v>4.6399999999999997</v>
      </c>
      <c r="T11" s="140">
        <v>4843</v>
      </c>
      <c r="U11" s="141">
        <v>5.75</v>
      </c>
      <c r="V11" s="140">
        <v>5915</v>
      </c>
      <c r="W11" s="141">
        <v>7.02</v>
      </c>
      <c r="X11" s="140">
        <v>5556</v>
      </c>
      <c r="Y11" s="141">
        <v>6.6</v>
      </c>
      <c r="Z11" s="140">
        <v>5183</v>
      </c>
      <c r="AA11" s="141">
        <v>6.15</v>
      </c>
      <c r="AB11" s="140">
        <v>7054</v>
      </c>
      <c r="AC11" s="141">
        <v>8.3800000000000008</v>
      </c>
      <c r="AD11" s="140">
        <v>13876</v>
      </c>
      <c r="AE11" s="141">
        <v>16.47</v>
      </c>
      <c r="AF11" s="140">
        <v>21376</v>
      </c>
      <c r="AG11" s="139">
        <v>25.38</v>
      </c>
      <c r="AH11" s="138" t="e">
        <v>#REF!</v>
      </c>
      <c r="AI11" s="137" t="e">
        <v>#REF!</v>
      </c>
      <c r="AJ11" s="135" t="e">
        <v>#REF!</v>
      </c>
      <c r="AK11" s="136" t="e">
        <v>#REF!</v>
      </c>
      <c r="AL11" s="135" t="e">
        <v>#REF!</v>
      </c>
      <c r="AM11" s="134" t="e">
        <v>#REF!</v>
      </c>
    </row>
    <row r="12" spans="1:39" ht="18.75" customHeight="1" x14ac:dyDescent="0.15">
      <c r="A12" s="156" t="s">
        <v>116</v>
      </c>
      <c r="B12" s="142" t="s">
        <v>115</v>
      </c>
      <c r="C12" s="140">
        <v>40368</v>
      </c>
      <c r="D12" s="140">
        <v>579</v>
      </c>
      <c r="E12" s="141">
        <v>1.43</v>
      </c>
      <c r="F12" s="140">
        <v>720</v>
      </c>
      <c r="G12" s="141">
        <v>1.78</v>
      </c>
      <c r="H12" s="140">
        <v>943</v>
      </c>
      <c r="I12" s="141">
        <v>2.34</v>
      </c>
      <c r="J12" s="140">
        <v>1012</v>
      </c>
      <c r="K12" s="141">
        <v>2.5099999999999998</v>
      </c>
      <c r="L12" s="140">
        <v>1148</v>
      </c>
      <c r="M12" s="141">
        <v>2.84</v>
      </c>
      <c r="N12" s="140">
        <v>1149</v>
      </c>
      <c r="O12" s="141">
        <v>2.85</v>
      </c>
      <c r="P12" s="140">
        <v>1247</v>
      </c>
      <c r="Q12" s="141">
        <v>3.09</v>
      </c>
      <c r="R12" s="140">
        <v>1541</v>
      </c>
      <c r="S12" s="141">
        <v>3.82</v>
      </c>
      <c r="T12" s="140">
        <v>1840</v>
      </c>
      <c r="U12" s="141">
        <v>4.5599999999999996</v>
      </c>
      <c r="V12" s="140">
        <v>2436</v>
      </c>
      <c r="W12" s="141">
        <v>6.03</v>
      </c>
      <c r="X12" s="140">
        <v>2386</v>
      </c>
      <c r="Y12" s="141">
        <v>5.91</v>
      </c>
      <c r="Z12" s="140">
        <v>2440</v>
      </c>
      <c r="AA12" s="141">
        <v>6.04</v>
      </c>
      <c r="AB12" s="140">
        <v>3919</v>
      </c>
      <c r="AC12" s="141">
        <v>9.7100000000000009</v>
      </c>
      <c r="AD12" s="140">
        <v>7800</v>
      </c>
      <c r="AE12" s="141">
        <v>19.32</v>
      </c>
      <c r="AF12" s="140">
        <v>11208</v>
      </c>
      <c r="AG12" s="139">
        <v>27.76</v>
      </c>
      <c r="AH12" s="138" t="e">
        <v>#REF!</v>
      </c>
      <c r="AI12" s="137" t="e">
        <v>#REF!</v>
      </c>
      <c r="AJ12" s="135" t="e">
        <v>#REF!</v>
      </c>
      <c r="AK12" s="136" t="e">
        <v>#REF!</v>
      </c>
      <c r="AL12" s="135" t="e">
        <v>#REF!</v>
      </c>
      <c r="AM12" s="134" t="e">
        <v>#REF!</v>
      </c>
    </row>
    <row r="13" spans="1:39" ht="18.75" customHeight="1" x14ac:dyDescent="0.15">
      <c r="A13" s="156" t="s">
        <v>114</v>
      </c>
      <c r="B13" s="142" t="s">
        <v>113</v>
      </c>
      <c r="C13" s="140">
        <v>49425</v>
      </c>
      <c r="D13" s="140">
        <v>882</v>
      </c>
      <c r="E13" s="141">
        <v>1.78</v>
      </c>
      <c r="F13" s="140">
        <v>1117</v>
      </c>
      <c r="G13" s="141">
        <v>2.2599999999999998</v>
      </c>
      <c r="H13" s="140">
        <v>1212</v>
      </c>
      <c r="I13" s="141">
        <v>2.4500000000000002</v>
      </c>
      <c r="J13" s="140">
        <v>1290</v>
      </c>
      <c r="K13" s="141">
        <v>2.61</v>
      </c>
      <c r="L13" s="140">
        <v>1417</v>
      </c>
      <c r="M13" s="141">
        <v>2.87</v>
      </c>
      <c r="N13" s="140">
        <v>1494</v>
      </c>
      <c r="O13" s="141">
        <v>3.02</v>
      </c>
      <c r="P13" s="140">
        <v>1634</v>
      </c>
      <c r="Q13" s="141">
        <v>3.31</v>
      </c>
      <c r="R13" s="140">
        <v>2082</v>
      </c>
      <c r="S13" s="141">
        <v>4.21</v>
      </c>
      <c r="T13" s="140">
        <v>2699</v>
      </c>
      <c r="U13" s="141">
        <v>5.46</v>
      </c>
      <c r="V13" s="140">
        <v>3388</v>
      </c>
      <c r="W13" s="141">
        <v>6.85</v>
      </c>
      <c r="X13" s="140">
        <v>3113</v>
      </c>
      <c r="Y13" s="141">
        <v>6.3</v>
      </c>
      <c r="Z13" s="140">
        <v>3075</v>
      </c>
      <c r="AA13" s="141">
        <v>6.22</v>
      </c>
      <c r="AB13" s="140">
        <v>4149</v>
      </c>
      <c r="AC13" s="141">
        <v>8.39</v>
      </c>
      <c r="AD13" s="140">
        <v>8661</v>
      </c>
      <c r="AE13" s="141">
        <v>17.52</v>
      </c>
      <c r="AF13" s="140">
        <v>13212</v>
      </c>
      <c r="AG13" s="139">
        <v>26.73</v>
      </c>
      <c r="AH13" s="138" t="e">
        <v>#REF!</v>
      </c>
      <c r="AI13" s="137" t="e">
        <v>#REF!</v>
      </c>
      <c r="AJ13" s="135" t="e">
        <v>#REF!</v>
      </c>
      <c r="AK13" s="136" t="e">
        <v>#REF!</v>
      </c>
      <c r="AL13" s="135" t="e">
        <v>#REF!</v>
      </c>
      <c r="AM13" s="134" t="e">
        <v>#REF!</v>
      </c>
    </row>
    <row r="14" spans="1:39" ht="18.75" customHeight="1" x14ac:dyDescent="0.15">
      <c r="A14" s="156" t="s">
        <v>112</v>
      </c>
      <c r="B14" s="142" t="s">
        <v>111</v>
      </c>
      <c r="C14" s="140">
        <v>12777</v>
      </c>
      <c r="D14" s="140">
        <v>228</v>
      </c>
      <c r="E14" s="141">
        <v>1.78</v>
      </c>
      <c r="F14" s="140">
        <v>301</v>
      </c>
      <c r="G14" s="141">
        <v>2.36</v>
      </c>
      <c r="H14" s="140">
        <v>315</v>
      </c>
      <c r="I14" s="141">
        <v>2.4700000000000002</v>
      </c>
      <c r="J14" s="140">
        <v>339</v>
      </c>
      <c r="K14" s="141">
        <v>2.65</v>
      </c>
      <c r="L14" s="140">
        <v>337</v>
      </c>
      <c r="M14" s="141">
        <v>2.64</v>
      </c>
      <c r="N14" s="140">
        <v>278</v>
      </c>
      <c r="O14" s="141">
        <v>2.1800000000000002</v>
      </c>
      <c r="P14" s="140">
        <v>369</v>
      </c>
      <c r="Q14" s="141">
        <v>2.89</v>
      </c>
      <c r="R14" s="140">
        <v>548</v>
      </c>
      <c r="S14" s="141">
        <v>4.29</v>
      </c>
      <c r="T14" s="140">
        <v>715</v>
      </c>
      <c r="U14" s="141">
        <v>5.6</v>
      </c>
      <c r="V14" s="140">
        <v>896</v>
      </c>
      <c r="W14" s="141">
        <v>7.01</v>
      </c>
      <c r="X14" s="140">
        <v>865</v>
      </c>
      <c r="Y14" s="141">
        <v>6.77</v>
      </c>
      <c r="Z14" s="140">
        <v>889</v>
      </c>
      <c r="AA14" s="141">
        <v>6.96</v>
      </c>
      <c r="AB14" s="140">
        <v>1114</v>
      </c>
      <c r="AC14" s="141">
        <v>8.7200000000000006</v>
      </c>
      <c r="AD14" s="140">
        <v>2086</v>
      </c>
      <c r="AE14" s="141">
        <v>16.329999999999998</v>
      </c>
      <c r="AF14" s="140">
        <v>3497</v>
      </c>
      <c r="AG14" s="139">
        <v>27.37</v>
      </c>
      <c r="AH14" s="138" t="e">
        <v>#REF!</v>
      </c>
      <c r="AI14" s="137" t="e">
        <v>#REF!</v>
      </c>
      <c r="AJ14" s="135" t="e">
        <v>#REF!</v>
      </c>
      <c r="AK14" s="136" t="e">
        <v>#REF!</v>
      </c>
      <c r="AL14" s="135" t="e">
        <v>#REF!</v>
      </c>
      <c r="AM14" s="134" t="e">
        <v>#REF!</v>
      </c>
    </row>
    <row r="15" spans="1:39" ht="18.75" customHeight="1" x14ac:dyDescent="0.15">
      <c r="A15" s="143">
        <v>10</v>
      </c>
      <c r="B15" s="142" t="s">
        <v>110</v>
      </c>
      <c r="C15" s="140">
        <v>153067</v>
      </c>
      <c r="D15" s="140">
        <v>2566</v>
      </c>
      <c r="E15" s="141">
        <v>1.68</v>
      </c>
      <c r="F15" s="140">
        <v>3062</v>
      </c>
      <c r="G15" s="141">
        <v>2</v>
      </c>
      <c r="H15" s="140">
        <v>3552</v>
      </c>
      <c r="I15" s="141">
        <v>2.3199999999999998</v>
      </c>
      <c r="J15" s="140">
        <v>4145</v>
      </c>
      <c r="K15" s="141">
        <v>2.71</v>
      </c>
      <c r="L15" s="140">
        <v>5922</v>
      </c>
      <c r="M15" s="141">
        <v>3.87</v>
      </c>
      <c r="N15" s="140">
        <v>6045</v>
      </c>
      <c r="O15" s="141">
        <v>3.95</v>
      </c>
      <c r="P15" s="140">
        <v>5955</v>
      </c>
      <c r="Q15" s="141">
        <v>3.89</v>
      </c>
      <c r="R15" s="140">
        <v>6772</v>
      </c>
      <c r="S15" s="141">
        <v>4.42</v>
      </c>
      <c r="T15" s="140">
        <v>7823</v>
      </c>
      <c r="U15" s="141">
        <v>5.1100000000000003</v>
      </c>
      <c r="V15" s="140">
        <v>10371</v>
      </c>
      <c r="W15" s="141">
        <v>6.78</v>
      </c>
      <c r="X15" s="140">
        <v>9754</v>
      </c>
      <c r="Y15" s="141">
        <v>6.37</v>
      </c>
      <c r="Z15" s="140">
        <v>9193</v>
      </c>
      <c r="AA15" s="141">
        <v>6.01</v>
      </c>
      <c r="AB15" s="140">
        <v>12454</v>
      </c>
      <c r="AC15" s="141">
        <v>8.14</v>
      </c>
      <c r="AD15" s="140">
        <v>26419</v>
      </c>
      <c r="AE15" s="141">
        <v>17.260000000000002</v>
      </c>
      <c r="AF15" s="140">
        <v>39034</v>
      </c>
      <c r="AG15" s="139">
        <v>25.5</v>
      </c>
      <c r="AH15" s="138" t="e">
        <v>#REF!</v>
      </c>
      <c r="AI15" s="137" t="e">
        <v>#REF!</v>
      </c>
      <c r="AJ15" s="135" t="e">
        <v>#REF!</v>
      </c>
      <c r="AK15" s="136" t="e">
        <v>#REF!</v>
      </c>
      <c r="AL15" s="135" t="e">
        <v>#REF!</v>
      </c>
      <c r="AM15" s="134" t="e">
        <v>#REF!</v>
      </c>
    </row>
    <row r="16" spans="1:39" ht="18.75" customHeight="1" x14ac:dyDescent="0.15">
      <c r="A16" s="143">
        <v>11</v>
      </c>
      <c r="B16" s="142" t="s">
        <v>109</v>
      </c>
      <c r="C16" s="140">
        <v>12579</v>
      </c>
      <c r="D16" s="140">
        <v>198</v>
      </c>
      <c r="E16" s="141">
        <v>1.57</v>
      </c>
      <c r="F16" s="140">
        <v>267</v>
      </c>
      <c r="G16" s="141">
        <v>2.12</v>
      </c>
      <c r="H16" s="140">
        <v>317</v>
      </c>
      <c r="I16" s="141">
        <v>2.52</v>
      </c>
      <c r="J16" s="140">
        <v>391</v>
      </c>
      <c r="K16" s="141">
        <v>3.11</v>
      </c>
      <c r="L16" s="140">
        <v>323</v>
      </c>
      <c r="M16" s="141">
        <v>2.57</v>
      </c>
      <c r="N16" s="140">
        <v>319</v>
      </c>
      <c r="O16" s="141">
        <v>2.54</v>
      </c>
      <c r="P16" s="140">
        <v>412</v>
      </c>
      <c r="Q16" s="141">
        <v>3.28</v>
      </c>
      <c r="R16" s="140">
        <v>496</v>
      </c>
      <c r="S16" s="141">
        <v>3.94</v>
      </c>
      <c r="T16" s="140">
        <v>580</v>
      </c>
      <c r="U16" s="141">
        <v>4.6100000000000003</v>
      </c>
      <c r="V16" s="140">
        <v>770</v>
      </c>
      <c r="W16" s="141">
        <v>6.12</v>
      </c>
      <c r="X16" s="140">
        <v>817</v>
      </c>
      <c r="Y16" s="141">
        <v>6.49</v>
      </c>
      <c r="Z16" s="140">
        <v>840</v>
      </c>
      <c r="AA16" s="141">
        <v>6.68</v>
      </c>
      <c r="AB16" s="140">
        <v>1116</v>
      </c>
      <c r="AC16" s="141">
        <v>8.8699999999999992</v>
      </c>
      <c r="AD16" s="140">
        <v>2400</v>
      </c>
      <c r="AE16" s="141">
        <v>19.079999999999998</v>
      </c>
      <c r="AF16" s="140">
        <v>3333</v>
      </c>
      <c r="AG16" s="139">
        <v>26.5</v>
      </c>
      <c r="AH16" s="138" t="e">
        <v>#REF!</v>
      </c>
      <c r="AI16" s="137" t="e">
        <v>#REF!</v>
      </c>
      <c r="AJ16" s="135" t="e">
        <v>#REF!</v>
      </c>
      <c r="AK16" s="136" t="e">
        <v>#REF!</v>
      </c>
      <c r="AL16" s="135" t="e">
        <v>#REF!</v>
      </c>
      <c r="AM16" s="134" t="e">
        <v>#REF!</v>
      </c>
    </row>
    <row r="17" spans="1:39" ht="18.75" customHeight="1" x14ac:dyDescent="0.15">
      <c r="A17" s="143">
        <v>12</v>
      </c>
      <c r="B17" s="142" t="s">
        <v>108</v>
      </c>
      <c r="C17" s="140">
        <v>37140</v>
      </c>
      <c r="D17" s="140">
        <v>500</v>
      </c>
      <c r="E17" s="141">
        <v>1.35</v>
      </c>
      <c r="F17" s="140">
        <v>687</v>
      </c>
      <c r="G17" s="141">
        <v>1.85</v>
      </c>
      <c r="H17" s="140">
        <v>745</v>
      </c>
      <c r="I17" s="141">
        <v>2.0099999999999998</v>
      </c>
      <c r="J17" s="140">
        <v>846</v>
      </c>
      <c r="K17" s="141">
        <v>2.2799999999999998</v>
      </c>
      <c r="L17" s="140">
        <v>1409</v>
      </c>
      <c r="M17" s="141">
        <v>3.79</v>
      </c>
      <c r="N17" s="140">
        <v>1092</v>
      </c>
      <c r="O17" s="141">
        <v>2.94</v>
      </c>
      <c r="P17" s="140">
        <v>1159</v>
      </c>
      <c r="Q17" s="141">
        <v>3.12</v>
      </c>
      <c r="R17" s="140">
        <v>1501</v>
      </c>
      <c r="S17" s="141">
        <v>4.04</v>
      </c>
      <c r="T17" s="140">
        <v>1731</v>
      </c>
      <c r="U17" s="141">
        <v>4.66</v>
      </c>
      <c r="V17" s="140">
        <v>1984</v>
      </c>
      <c r="W17" s="141">
        <v>5.34</v>
      </c>
      <c r="X17" s="140">
        <v>1854</v>
      </c>
      <c r="Y17" s="141">
        <v>4.99</v>
      </c>
      <c r="Z17" s="140">
        <v>1905</v>
      </c>
      <c r="AA17" s="141">
        <v>5.13</v>
      </c>
      <c r="AB17" s="140">
        <v>3220</v>
      </c>
      <c r="AC17" s="141">
        <v>8.67</v>
      </c>
      <c r="AD17" s="140">
        <v>7523</v>
      </c>
      <c r="AE17" s="141">
        <v>20.260000000000002</v>
      </c>
      <c r="AF17" s="140">
        <v>10984</v>
      </c>
      <c r="AG17" s="139">
        <v>29.57</v>
      </c>
      <c r="AH17" s="138" t="e">
        <v>#REF!</v>
      </c>
      <c r="AI17" s="137" t="e">
        <v>#REF!</v>
      </c>
      <c r="AJ17" s="135" t="e">
        <v>#REF!</v>
      </c>
      <c r="AK17" s="136" t="e">
        <v>#REF!</v>
      </c>
      <c r="AL17" s="135" t="e">
        <v>#REF!</v>
      </c>
      <c r="AM17" s="134" t="e">
        <v>#REF!</v>
      </c>
    </row>
    <row r="18" spans="1:39" ht="18.75" customHeight="1" x14ac:dyDescent="0.15">
      <c r="A18" s="143">
        <v>13</v>
      </c>
      <c r="B18" s="142" t="s">
        <v>107</v>
      </c>
      <c r="C18" s="140">
        <v>48684</v>
      </c>
      <c r="D18" s="140">
        <v>1034</v>
      </c>
      <c r="E18" s="141">
        <v>2.12</v>
      </c>
      <c r="F18" s="140">
        <v>1117</v>
      </c>
      <c r="G18" s="141">
        <v>2.29</v>
      </c>
      <c r="H18" s="140">
        <v>1193</v>
      </c>
      <c r="I18" s="141">
        <v>2.4500000000000002</v>
      </c>
      <c r="J18" s="140">
        <v>1401</v>
      </c>
      <c r="K18" s="141">
        <v>2.88</v>
      </c>
      <c r="L18" s="140">
        <v>1776</v>
      </c>
      <c r="M18" s="141">
        <v>3.65</v>
      </c>
      <c r="N18" s="140">
        <v>1688</v>
      </c>
      <c r="O18" s="141">
        <v>3.47</v>
      </c>
      <c r="P18" s="140">
        <v>1814</v>
      </c>
      <c r="Q18" s="141">
        <v>3.73</v>
      </c>
      <c r="R18" s="140">
        <v>2116</v>
      </c>
      <c r="S18" s="141">
        <v>4.3499999999999996</v>
      </c>
      <c r="T18" s="140">
        <v>2421</v>
      </c>
      <c r="U18" s="141">
        <v>4.97</v>
      </c>
      <c r="V18" s="140">
        <v>3112</v>
      </c>
      <c r="W18" s="141">
        <v>6.39</v>
      </c>
      <c r="X18" s="140">
        <v>2930</v>
      </c>
      <c r="Y18" s="141">
        <v>6.02</v>
      </c>
      <c r="Z18" s="140">
        <v>2640</v>
      </c>
      <c r="AA18" s="141">
        <v>5.42</v>
      </c>
      <c r="AB18" s="140">
        <v>3905</v>
      </c>
      <c r="AC18" s="141">
        <v>8.02</v>
      </c>
      <c r="AD18" s="140">
        <v>8724</v>
      </c>
      <c r="AE18" s="141">
        <v>17.920000000000002</v>
      </c>
      <c r="AF18" s="140">
        <v>12813</v>
      </c>
      <c r="AG18" s="139">
        <v>26.32</v>
      </c>
      <c r="AH18" s="138" t="e">
        <v>#REF!</v>
      </c>
      <c r="AI18" s="137" t="e">
        <v>#REF!</v>
      </c>
      <c r="AJ18" s="135" t="e">
        <v>#REF!</v>
      </c>
      <c r="AK18" s="136" t="e">
        <v>#REF!</v>
      </c>
      <c r="AL18" s="135" t="e">
        <v>#REF!</v>
      </c>
      <c r="AM18" s="134" t="e">
        <v>#REF!</v>
      </c>
    </row>
    <row r="19" spans="1:39" ht="18.75" customHeight="1" x14ac:dyDescent="0.15">
      <c r="A19" s="143">
        <v>14</v>
      </c>
      <c r="B19" s="142" t="s">
        <v>106</v>
      </c>
      <c r="C19" s="140">
        <v>49541</v>
      </c>
      <c r="D19" s="140">
        <v>983</v>
      </c>
      <c r="E19" s="141">
        <v>1.98</v>
      </c>
      <c r="F19" s="140">
        <v>1166</v>
      </c>
      <c r="G19" s="141">
        <v>2.35</v>
      </c>
      <c r="H19" s="140">
        <v>1231</v>
      </c>
      <c r="I19" s="141">
        <v>2.48</v>
      </c>
      <c r="J19" s="140">
        <v>1385</v>
      </c>
      <c r="K19" s="141">
        <v>2.8</v>
      </c>
      <c r="L19" s="140">
        <v>1984</v>
      </c>
      <c r="M19" s="141">
        <v>4</v>
      </c>
      <c r="N19" s="140">
        <v>2057</v>
      </c>
      <c r="O19" s="141">
        <v>4.1500000000000004</v>
      </c>
      <c r="P19" s="140">
        <v>2143</v>
      </c>
      <c r="Q19" s="141">
        <v>4.33</v>
      </c>
      <c r="R19" s="140">
        <v>2328</v>
      </c>
      <c r="S19" s="141">
        <v>4.7</v>
      </c>
      <c r="T19" s="140">
        <v>2672</v>
      </c>
      <c r="U19" s="141">
        <v>5.39</v>
      </c>
      <c r="V19" s="140">
        <v>3501</v>
      </c>
      <c r="W19" s="141">
        <v>7.07</v>
      </c>
      <c r="X19" s="140">
        <v>3402</v>
      </c>
      <c r="Y19" s="141">
        <v>6.87</v>
      </c>
      <c r="Z19" s="140">
        <v>3051</v>
      </c>
      <c r="AA19" s="141">
        <v>6.16</v>
      </c>
      <c r="AB19" s="140">
        <v>4060</v>
      </c>
      <c r="AC19" s="141">
        <v>8.1999999999999993</v>
      </c>
      <c r="AD19" s="140">
        <v>7634</v>
      </c>
      <c r="AE19" s="141">
        <v>15.41</v>
      </c>
      <c r="AF19" s="140">
        <v>11944</v>
      </c>
      <c r="AG19" s="139">
        <v>24.11</v>
      </c>
      <c r="AH19" s="138" t="e">
        <v>#REF!</v>
      </c>
      <c r="AI19" s="137" t="e">
        <v>#REF!</v>
      </c>
      <c r="AJ19" s="135" t="e">
        <v>#REF!</v>
      </c>
      <c r="AK19" s="136" t="e">
        <v>#REF!</v>
      </c>
      <c r="AL19" s="135" t="e">
        <v>#REF!</v>
      </c>
      <c r="AM19" s="134" t="e">
        <v>#REF!</v>
      </c>
    </row>
    <row r="20" spans="1:39" ht="18.75" customHeight="1" x14ac:dyDescent="0.15">
      <c r="A20" s="143">
        <v>15</v>
      </c>
      <c r="B20" s="142" t="s">
        <v>105</v>
      </c>
      <c r="C20" s="140">
        <v>20275</v>
      </c>
      <c r="D20" s="140">
        <v>301</v>
      </c>
      <c r="E20" s="141">
        <v>1.48</v>
      </c>
      <c r="F20" s="140">
        <v>373</v>
      </c>
      <c r="G20" s="141">
        <v>1.84</v>
      </c>
      <c r="H20" s="140">
        <v>412</v>
      </c>
      <c r="I20" s="141">
        <v>2.0299999999999998</v>
      </c>
      <c r="J20" s="140">
        <v>544</v>
      </c>
      <c r="K20" s="141">
        <v>2.68</v>
      </c>
      <c r="L20" s="140">
        <v>646</v>
      </c>
      <c r="M20" s="141">
        <v>3.19</v>
      </c>
      <c r="N20" s="140">
        <v>642</v>
      </c>
      <c r="O20" s="141">
        <v>3.17</v>
      </c>
      <c r="P20" s="140">
        <v>692</v>
      </c>
      <c r="Q20" s="141">
        <v>3.41</v>
      </c>
      <c r="R20" s="140">
        <v>817</v>
      </c>
      <c r="S20" s="141">
        <v>4.03</v>
      </c>
      <c r="T20" s="140">
        <v>1012</v>
      </c>
      <c r="U20" s="141">
        <v>4.99</v>
      </c>
      <c r="V20" s="140">
        <v>1244</v>
      </c>
      <c r="W20" s="141">
        <v>6.14</v>
      </c>
      <c r="X20" s="140">
        <v>1216</v>
      </c>
      <c r="Y20" s="141">
        <v>6</v>
      </c>
      <c r="Z20" s="140">
        <v>1143</v>
      </c>
      <c r="AA20" s="141">
        <v>5.64</v>
      </c>
      <c r="AB20" s="140">
        <v>1688</v>
      </c>
      <c r="AC20" s="141">
        <v>8.33</v>
      </c>
      <c r="AD20" s="140">
        <v>3858</v>
      </c>
      <c r="AE20" s="141">
        <v>19.03</v>
      </c>
      <c r="AF20" s="140">
        <v>5687</v>
      </c>
      <c r="AG20" s="139">
        <v>28.05</v>
      </c>
      <c r="AH20" s="138" t="e">
        <v>#REF!</v>
      </c>
      <c r="AI20" s="137" t="e">
        <v>#REF!</v>
      </c>
      <c r="AJ20" s="135" t="e">
        <v>#REF!</v>
      </c>
      <c r="AK20" s="136" t="e">
        <v>#REF!</v>
      </c>
      <c r="AL20" s="135" t="e">
        <v>#REF!</v>
      </c>
      <c r="AM20" s="134" t="e">
        <v>#REF!</v>
      </c>
    </row>
    <row r="21" spans="1:39" ht="18.75" customHeight="1" x14ac:dyDescent="0.15">
      <c r="A21" s="143">
        <v>16</v>
      </c>
      <c r="B21" s="142" t="s">
        <v>104</v>
      </c>
      <c r="C21" s="140">
        <v>27018</v>
      </c>
      <c r="D21" s="140">
        <v>441</v>
      </c>
      <c r="E21" s="141">
        <v>1.63</v>
      </c>
      <c r="F21" s="140">
        <v>513</v>
      </c>
      <c r="G21" s="141">
        <v>1.9</v>
      </c>
      <c r="H21" s="140">
        <v>580</v>
      </c>
      <c r="I21" s="141">
        <v>2.15</v>
      </c>
      <c r="J21" s="140">
        <v>696</v>
      </c>
      <c r="K21" s="141">
        <v>2.58</v>
      </c>
      <c r="L21" s="140">
        <v>863</v>
      </c>
      <c r="M21" s="141">
        <v>3.19</v>
      </c>
      <c r="N21" s="140">
        <v>962</v>
      </c>
      <c r="O21" s="141">
        <v>3.56</v>
      </c>
      <c r="P21" s="140">
        <v>1017</v>
      </c>
      <c r="Q21" s="141">
        <v>3.76</v>
      </c>
      <c r="R21" s="140">
        <v>1228</v>
      </c>
      <c r="S21" s="141">
        <v>4.55</v>
      </c>
      <c r="T21" s="140">
        <v>1392</v>
      </c>
      <c r="U21" s="141">
        <v>5.15</v>
      </c>
      <c r="V21" s="140">
        <v>1760</v>
      </c>
      <c r="W21" s="141">
        <v>6.51</v>
      </c>
      <c r="X21" s="140">
        <v>1643</v>
      </c>
      <c r="Y21" s="141">
        <v>6.08</v>
      </c>
      <c r="Z21" s="140">
        <v>1497</v>
      </c>
      <c r="AA21" s="141">
        <v>5.54</v>
      </c>
      <c r="AB21" s="140">
        <v>2136</v>
      </c>
      <c r="AC21" s="141">
        <v>7.91</v>
      </c>
      <c r="AD21" s="140">
        <v>4894</v>
      </c>
      <c r="AE21" s="141">
        <v>18.11</v>
      </c>
      <c r="AF21" s="140">
        <v>7396</v>
      </c>
      <c r="AG21" s="139">
        <v>27.37</v>
      </c>
      <c r="AH21" s="138" t="e">
        <v>#REF!</v>
      </c>
      <c r="AI21" s="137" t="e">
        <v>#REF!</v>
      </c>
      <c r="AJ21" s="135" t="e">
        <v>#REF!</v>
      </c>
      <c r="AK21" s="136" t="e">
        <v>#REF!</v>
      </c>
      <c r="AL21" s="135" t="e">
        <v>#REF!</v>
      </c>
      <c r="AM21" s="134" t="e">
        <v>#REF!</v>
      </c>
    </row>
    <row r="22" spans="1:39" ht="18.75" customHeight="1" x14ac:dyDescent="0.15">
      <c r="A22" s="143">
        <v>17</v>
      </c>
      <c r="B22" s="142" t="s">
        <v>103</v>
      </c>
      <c r="C22" s="140">
        <v>28139</v>
      </c>
      <c r="D22" s="140">
        <v>510</v>
      </c>
      <c r="E22" s="141">
        <v>1.81</v>
      </c>
      <c r="F22" s="140">
        <v>600</v>
      </c>
      <c r="G22" s="141">
        <v>2.13</v>
      </c>
      <c r="H22" s="140">
        <v>618</v>
      </c>
      <c r="I22" s="141">
        <v>2.2000000000000002</v>
      </c>
      <c r="J22" s="140">
        <v>726</v>
      </c>
      <c r="K22" s="141">
        <v>2.58</v>
      </c>
      <c r="L22" s="140">
        <v>1073</v>
      </c>
      <c r="M22" s="141">
        <v>3.81</v>
      </c>
      <c r="N22" s="140">
        <v>1039</v>
      </c>
      <c r="O22" s="141">
        <v>3.69</v>
      </c>
      <c r="P22" s="140">
        <v>1189</v>
      </c>
      <c r="Q22" s="141">
        <v>4.2300000000000004</v>
      </c>
      <c r="R22" s="140">
        <v>1262</v>
      </c>
      <c r="S22" s="141">
        <v>4.4800000000000004</v>
      </c>
      <c r="T22" s="140">
        <v>1464</v>
      </c>
      <c r="U22" s="141">
        <v>5.2</v>
      </c>
      <c r="V22" s="140">
        <v>1920</v>
      </c>
      <c r="W22" s="141">
        <v>6.82</v>
      </c>
      <c r="X22" s="140">
        <v>1889</v>
      </c>
      <c r="Y22" s="141">
        <v>6.71</v>
      </c>
      <c r="Z22" s="140">
        <v>1670</v>
      </c>
      <c r="AA22" s="141">
        <v>5.93</v>
      </c>
      <c r="AB22" s="140">
        <v>2323</v>
      </c>
      <c r="AC22" s="141">
        <v>8.26</v>
      </c>
      <c r="AD22" s="140">
        <v>4798</v>
      </c>
      <c r="AE22" s="141">
        <v>17.05</v>
      </c>
      <c r="AF22" s="140">
        <v>7058</v>
      </c>
      <c r="AG22" s="139">
        <v>25.08</v>
      </c>
      <c r="AH22" s="138" t="e">
        <v>#REF!</v>
      </c>
      <c r="AI22" s="137" t="e">
        <v>#REF!</v>
      </c>
      <c r="AJ22" s="135" t="e">
        <v>#REF!</v>
      </c>
      <c r="AK22" s="136" t="e">
        <v>#REF!</v>
      </c>
      <c r="AL22" s="135" t="e">
        <v>#REF!</v>
      </c>
      <c r="AM22" s="134" t="e">
        <v>#REF!</v>
      </c>
    </row>
    <row r="23" spans="1:39" ht="18.75" customHeight="1" x14ac:dyDescent="0.15">
      <c r="A23" s="143">
        <v>18</v>
      </c>
      <c r="B23" s="142" t="s">
        <v>102</v>
      </c>
      <c r="C23" s="140">
        <v>8709</v>
      </c>
      <c r="D23" s="140">
        <v>108</v>
      </c>
      <c r="E23" s="141">
        <v>1.24</v>
      </c>
      <c r="F23" s="140">
        <v>154</v>
      </c>
      <c r="G23" s="141">
        <v>1.77</v>
      </c>
      <c r="H23" s="140">
        <v>166</v>
      </c>
      <c r="I23" s="141">
        <v>1.91</v>
      </c>
      <c r="J23" s="140">
        <v>220</v>
      </c>
      <c r="K23" s="141">
        <v>2.5299999999999998</v>
      </c>
      <c r="L23" s="140">
        <v>231</v>
      </c>
      <c r="M23" s="141">
        <v>2.65</v>
      </c>
      <c r="N23" s="140">
        <v>246</v>
      </c>
      <c r="O23" s="141">
        <v>2.82</v>
      </c>
      <c r="P23" s="140">
        <v>244</v>
      </c>
      <c r="Q23" s="141">
        <v>2.8</v>
      </c>
      <c r="R23" s="140">
        <v>325</v>
      </c>
      <c r="S23" s="141">
        <v>3.73</v>
      </c>
      <c r="T23" s="140">
        <v>368</v>
      </c>
      <c r="U23" s="141">
        <v>4.2300000000000004</v>
      </c>
      <c r="V23" s="140">
        <v>490</v>
      </c>
      <c r="W23" s="141">
        <v>5.63</v>
      </c>
      <c r="X23" s="140">
        <v>505</v>
      </c>
      <c r="Y23" s="141">
        <v>5.8</v>
      </c>
      <c r="Z23" s="140">
        <v>490</v>
      </c>
      <c r="AA23" s="141">
        <v>5.63</v>
      </c>
      <c r="AB23" s="140">
        <v>842</v>
      </c>
      <c r="AC23" s="141">
        <v>9.67</v>
      </c>
      <c r="AD23" s="140">
        <v>1812</v>
      </c>
      <c r="AE23" s="141">
        <v>20.81</v>
      </c>
      <c r="AF23" s="140">
        <v>2508</v>
      </c>
      <c r="AG23" s="139">
        <v>28.8</v>
      </c>
      <c r="AH23" s="138" t="e">
        <v>#REF!</v>
      </c>
      <c r="AI23" s="137" t="e">
        <v>#REF!</v>
      </c>
      <c r="AJ23" s="135" t="e">
        <v>#REF!</v>
      </c>
      <c r="AK23" s="136" t="e">
        <v>#REF!</v>
      </c>
      <c r="AL23" s="135" t="e">
        <v>#REF!</v>
      </c>
      <c r="AM23" s="134" t="e">
        <v>#REF!</v>
      </c>
    </row>
    <row r="24" spans="1:39" ht="18.75" customHeight="1" x14ac:dyDescent="0.15">
      <c r="A24" s="143">
        <v>19</v>
      </c>
      <c r="B24" s="142" t="s">
        <v>101</v>
      </c>
      <c r="C24" s="140">
        <v>7795</v>
      </c>
      <c r="D24" s="140">
        <v>153</v>
      </c>
      <c r="E24" s="141">
        <v>1.96</v>
      </c>
      <c r="F24" s="140">
        <v>238</v>
      </c>
      <c r="G24" s="141">
        <v>3.05</v>
      </c>
      <c r="H24" s="140">
        <v>264</v>
      </c>
      <c r="I24" s="141">
        <v>3.39</v>
      </c>
      <c r="J24" s="140">
        <v>238</v>
      </c>
      <c r="K24" s="141">
        <v>3.05</v>
      </c>
      <c r="L24" s="140">
        <v>213</v>
      </c>
      <c r="M24" s="141">
        <v>2.73</v>
      </c>
      <c r="N24" s="140">
        <v>151</v>
      </c>
      <c r="O24" s="141">
        <v>1.94</v>
      </c>
      <c r="P24" s="140">
        <v>187</v>
      </c>
      <c r="Q24" s="141">
        <v>2.4</v>
      </c>
      <c r="R24" s="140">
        <v>331</v>
      </c>
      <c r="S24" s="141">
        <v>4.25</v>
      </c>
      <c r="T24" s="140">
        <v>458</v>
      </c>
      <c r="U24" s="141">
        <v>5.88</v>
      </c>
      <c r="V24" s="140">
        <v>641</v>
      </c>
      <c r="W24" s="141">
        <v>8.2200000000000006</v>
      </c>
      <c r="X24" s="140">
        <v>569</v>
      </c>
      <c r="Y24" s="141">
        <v>7.3</v>
      </c>
      <c r="Z24" s="140">
        <v>539</v>
      </c>
      <c r="AA24" s="141">
        <v>6.91</v>
      </c>
      <c r="AB24" s="140">
        <v>600</v>
      </c>
      <c r="AC24" s="141">
        <v>7.7</v>
      </c>
      <c r="AD24" s="140">
        <v>1224</v>
      </c>
      <c r="AE24" s="141">
        <v>15.7</v>
      </c>
      <c r="AF24" s="140">
        <v>1989</v>
      </c>
      <c r="AG24" s="139">
        <v>25.52</v>
      </c>
      <c r="AH24" s="138" t="e">
        <v>#REF!</v>
      </c>
      <c r="AI24" s="137" t="e">
        <v>#REF!</v>
      </c>
      <c r="AJ24" s="135" t="e">
        <v>#REF!</v>
      </c>
      <c r="AK24" s="136" t="e">
        <v>#REF!</v>
      </c>
      <c r="AL24" s="135" t="e">
        <v>#REF!</v>
      </c>
      <c r="AM24" s="134" t="e">
        <v>#REF!</v>
      </c>
    </row>
    <row r="25" spans="1:39" ht="18.75" customHeight="1" x14ac:dyDescent="0.15">
      <c r="A25" s="143">
        <v>20</v>
      </c>
      <c r="B25" s="142" t="s">
        <v>100</v>
      </c>
      <c r="C25" s="140">
        <v>10660</v>
      </c>
      <c r="D25" s="140">
        <v>228</v>
      </c>
      <c r="E25" s="141">
        <v>2.14</v>
      </c>
      <c r="F25" s="140">
        <v>273</v>
      </c>
      <c r="G25" s="141">
        <v>2.56</v>
      </c>
      <c r="H25" s="140">
        <v>269</v>
      </c>
      <c r="I25" s="141">
        <v>2.52</v>
      </c>
      <c r="J25" s="140">
        <v>310</v>
      </c>
      <c r="K25" s="141">
        <v>2.91</v>
      </c>
      <c r="L25" s="140">
        <v>315</v>
      </c>
      <c r="M25" s="141">
        <v>2.95</v>
      </c>
      <c r="N25" s="140">
        <v>331</v>
      </c>
      <c r="O25" s="141">
        <v>3.11</v>
      </c>
      <c r="P25" s="140">
        <v>339</v>
      </c>
      <c r="Q25" s="141">
        <v>3.18</v>
      </c>
      <c r="R25" s="140">
        <v>448</v>
      </c>
      <c r="S25" s="141">
        <v>4.2</v>
      </c>
      <c r="T25" s="140">
        <v>585</v>
      </c>
      <c r="U25" s="141">
        <v>5.49</v>
      </c>
      <c r="V25" s="140">
        <v>684</v>
      </c>
      <c r="W25" s="141">
        <v>6.42</v>
      </c>
      <c r="X25" s="140">
        <v>562</v>
      </c>
      <c r="Y25" s="141">
        <v>5.27</v>
      </c>
      <c r="Z25" s="140">
        <v>546</v>
      </c>
      <c r="AA25" s="141">
        <v>5.12</v>
      </c>
      <c r="AB25" s="140">
        <v>822</v>
      </c>
      <c r="AC25" s="141">
        <v>7.71</v>
      </c>
      <c r="AD25" s="140">
        <v>2014</v>
      </c>
      <c r="AE25" s="141">
        <v>18.89</v>
      </c>
      <c r="AF25" s="140">
        <v>2934</v>
      </c>
      <c r="AG25" s="139">
        <v>27.52</v>
      </c>
      <c r="AH25" s="138" t="e">
        <v>#REF!</v>
      </c>
      <c r="AI25" s="137" t="e">
        <v>#REF!</v>
      </c>
      <c r="AJ25" s="135" t="e">
        <v>#REF!</v>
      </c>
      <c r="AK25" s="136" t="e">
        <v>#REF!</v>
      </c>
      <c r="AL25" s="135" t="e">
        <v>#REF!</v>
      </c>
      <c r="AM25" s="134" t="e">
        <v>#REF!</v>
      </c>
    </row>
    <row r="26" spans="1:39" ht="18.75" customHeight="1" thickBot="1" x14ac:dyDescent="0.2">
      <c r="A26" s="143">
        <v>21</v>
      </c>
      <c r="B26" s="142" t="s">
        <v>99</v>
      </c>
      <c r="C26" s="140">
        <v>19217</v>
      </c>
      <c r="D26" s="140">
        <v>459</v>
      </c>
      <c r="E26" s="141">
        <v>2.39</v>
      </c>
      <c r="F26" s="140">
        <v>563</v>
      </c>
      <c r="G26" s="141">
        <v>2.93</v>
      </c>
      <c r="H26" s="140">
        <v>583</v>
      </c>
      <c r="I26" s="141">
        <v>3.03</v>
      </c>
      <c r="J26" s="140">
        <v>585</v>
      </c>
      <c r="K26" s="141">
        <v>3.04</v>
      </c>
      <c r="L26" s="140">
        <v>646</v>
      </c>
      <c r="M26" s="141">
        <v>3.36</v>
      </c>
      <c r="N26" s="140">
        <v>724</v>
      </c>
      <c r="O26" s="141">
        <v>3.77</v>
      </c>
      <c r="P26" s="140">
        <v>750</v>
      </c>
      <c r="Q26" s="141">
        <v>3.9</v>
      </c>
      <c r="R26" s="140">
        <v>859</v>
      </c>
      <c r="S26" s="141">
        <v>4.47</v>
      </c>
      <c r="T26" s="140">
        <v>1039</v>
      </c>
      <c r="U26" s="141">
        <v>5.41</v>
      </c>
      <c r="V26" s="140">
        <v>1314</v>
      </c>
      <c r="W26" s="141">
        <v>6.84</v>
      </c>
      <c r="X26" s="140">
        <v>1167</v>
      </c>
      <c r="Y26" s="141">
        <v>6.07</v>
      </c>
      <c r="Z26" s="140">
        <v>954</v>
      </c>
      <c r="AA26" s="141">
        <v>4.96</v>
      </c>
      <c r="AB26" s="140">
        <v>1356</v>
      </c>
      <c r="AC26" s="141">
        <v>7.06</v>
      </c>
      <c r="AD26" s="140">
        <v>3122</v>
      </c>
      <c r="AE26" s="141">
        <v>16.25</v>
      </c>
      <c r="AF26" s="140">
        <v>5096</v>
      </c>
      <c r="AG26" s="139">
        <v>26.52</v>
      </c>
      <c r="AH26" s="155" t="e">
        <v>#REF!</v>
      </c>
      <c r="AI26" s="113" t="e">
        <v>#REF!</v>
      </c>
      <c r="AJ26" s="154" t="e">
        <v>#REF!</v>
      </c>
      <c r="AK26" s="112" t="e">
        <v>#REF!</v>
      </c>
      <c r="AL26" s="154" t="e">
        <v>#REF!</v>
      </c>
      <c r="AM26" s="110" t="e">
        <v>#REF!</v>
      </c>
    </row>
    <row r="27" spans="1:39" ht="18.75" customHeight="1" thickTop="1" x14ac:dyDescent="0.15">
      <c r="A27" s="143">
        <v>22</v>
      </c>
      <c r="B27" s="142" t="s">
        <v>98</v>
      </c>
      <c r="C27" s="140">
        <v>7600</v>
      </c>
      <c r="D27" s="140">
        <v>102</v>
      </c>
      <c r="E27" s="141">
        <v>1.34</v>
      </c>
      <c r="F27" s="140">
        <v>124</v>
      </c>
      <c r="G27" s="141">
        <v>1.63</v>
      </c>
      <c r="H27" s="140">
        <v>119</v>
      </c>
      <c r="I27" s="141">
        <v>1.57</v>
      </c>
      <c r="J27" s="140">
        <v>176</v>
      </c>
      <c r="K27" s="141">
        <v>2.3199999999999998</v>
      </c>
      <c r="L27" s="140">
        <v>167</v>
      </c>
      <c r="M27" s="141">
        <v>2.2000000000000002</v>
      </c>
      <c r="N27" s="140">
        <v>161</v>
      </c>
      <c r="O27" s="141">
        <v>2.12</v>
      </c>
      <c r="P27" s="140">
        <v>212</v>
      </c>
      <c r="Q27" s="141">
        <v>2.79</v>
      </c>
      <c r="R27" s="140">
        <v>288</v>
      </c>
      <c r="S27" s="141">
        <v>3.79</v>
      </c>
      <c r="T27" s="140">
        <v>317</v>
      </c>
      <c r="U27" s="141">
        <v>4.17</v>
      </c>
      <c r="V27" s="140">
        <v>436</v>
      </c>
      <c r="W27" s="141">
        <v>5.74</v>
      </c>
      <c r="X27" s="140">
        <v>436</v>
      </c>
      <c r="Y27" s="141">
        <v>5.74</v>
      </c>
      <c r="Z27" s="140">
        <v>429</v>
      </c>
      <c r="AA27" s="141">
        <v>5.64</v>
      </c>
      <c r="AB27" s="140">
        <v>743</v>
      </c>
      <c r="AC27" s="141">
        <v>9.7799999999999994</v>
      </c>
      <c r="AD27" s="140">
        <v>1498</v>
      </c>
      <c r="AE27" s="141">
        <v>19.71</v>
      </c>
      <c r="AF27" s="140">
        <v>2392</v>
      </c>
      <c r="AG27" s="139">
        <v>31.47</v>
      </c>
      <c r="AH27" s="138" t="e">
        <v>#REF!</v>
      </c>
      <c r="AI27" s="137" t="e">
        <v>#REF!</v>
      </c>
      <c r="AJ27" s="135" t="e">
        <v>#REF!</v>
      </c>
      <c r="AK27" s="136" t="e">
        <v>#REF!</v>
      </c>
      <c r="AL27" s="135" t="e">
        <v>#REF!</v>
      </c>
      <c r="AM27" s="134" t="e">
        <v>#REF!</v>
      </c>
    </row>
    <row r="28" spans="1:39" ht="18.75" customHeight="1" x14ac:dyDescent="0.15">
      <c r="A28" s="143">
        <v>23</v>
      </c>
      <c r="B28" s="142" t="s">
        <v>97</v>
      </c>
      <c r="C28" s="140">
        <v>6377</v>
      </c>
      <c r="D28" s="140">
        <v>96</v>
      </c>
      <c r="E28" s="141">
        <v>1.51</v>
      </c>
      <c r="F28" s="140">
        <v>87</v>
      </c>
      <c r="G28" s="141">
        <v>1.36</v>
      </c>
      <c r="H28" s="140">
        <v>125</v>
      </c>
      <c r="I28" s="141">
        <v>1.96</v>
      </c>
      <c r="J28" s="140">
        <v>139</v>
      </c>
      <c r="K28" s="141">
        <v>2.1800000000000002</v>
      </c>
      <c r="L28" s="140">
        <v>148</v>
      </c>
      <c r="M28" s="141">
        <v>2.3199999999999998</v>
      </c>
      <c r="N28" s="140">
        <v>152</v>
      </c>
      <c r="O28" s="141">
        <v>2.38</v>
      </c>
      <c r="P28" s="140">
        <v>180</v>
      </c>
      <c r="Q28" s="141">
        <v>2.82</v>
      </c>
      <c r="R28" s="140">
        <v>225</v>
      </c>
      <c r="S28" s="141">
        <v>3.53</v>
      </c>
      <c r="T28" s="140">
        <v>319</v>
      </c>
      <c r="U28" s="141">
        <v>5</v>
      </c>
      <c r="V28" s="140">
        <v>380</v>
      </c>
      <c r="W28" s="141">
        <v>5.96</v>
      </c>
      <c r="X28" s="140">
        <v>345</v>
      </c>
      <c r="Y28" s="141">
        <v>5.41</v>
      </c>
      <c r="Z28" s="140">
        <v>344</v>
      </c>
      <c r="AA28" s="141">
        <v>5.39</v>
      </c>
      <c r="AB28" s="140">
        <v>599</v>
      </c>
      <c r="AC28" s="141">
        <v>9.39</v>
      </c>
      <c r="AD28" s="140">
        <v>1245</v>
      </c>
      <c r="AE28" s="141">
        <v>19.52</v>
      </c>
      <c r="AF28" s="140">
        <v>1993</v>
      </c>
      <c r="AG28" s="139">
        <v>31.25</v>
      </c>
      <c r="AH28" s="138" t="e">
        <v>#REF!</v>
      </c>
      <c r="AI28" s="137" t="e">
        <v>#REF!</v>
      </c>
      <c r="AJ28" s="135" t="e">
        <v>#REF!</v>
      </c>
      <c r="AK28" s="136" t="e">
        <v>#REF!</v>
      </c>
      <c r="AL28" s="135" t="e">
        <v>#REF!</v>
      </c>
      <c r="AM28" s="134" t="e">
        <v>#REF!</v>
      </c>
    </row>
    <row r="29" spans="1:39" ht="18.75" customHeight="1" x14ac:dyDescent="0.15">
      <c r="A29" s="143">
        <v>24</v>
      </c>
      <c r="B29" s="142" t="s">
        <v>96</v>
      </c>
      <c r="C29" s="140">
        <v>2412</v>
      </c>
      <c r="D29" s="140">
        <v>35</v>
      </c>
      <c r="E29" s="141">
        <v>1.45</v>
      </c>
      <c r="F29" s="140">
        <v>39</v>
      </c>
      <c r="G29" s="141">
        <v>1.62</v>
      </c>
      <c r="H29" s="140">
        <v>55</v>
      </c>
      <c r="I29" s="141">
        <v>2.2799999999999998</v>
      </c>
      <c r="J29" s="140">
        <v>48</v>
      </c>
      <c r="K29" s="141">
        <v>1.99</v>
      </c>
      <c r="L29" s="140">
        <v>57</v>
      </c>
      <c r="M29" s="141">
        <v>2.36</v>
      </c>
      <c r="N29" s="140">
        <v>50</v>
      </c>
      <c r="O29" s="141">
        <v>2.0699999999999998</v>
      </c>
      <c r="P29" s="140">
        <v>72</v>
      </c>
      <c r="Q29" s="141">
        <v>2.99</v>
      </c>
      <c r="R29" s="140">
        <v>86</v>
      </c>
      <c r="S29" s="141">
        <v>3.57</v>
      </c>
      <c r="T29" s="140">
        <v>120</v>
      </c>
      <c r="U29" s="141">
        <v>4.9800000000000004</v>
      </c>
      <c r="V29" s="140">
        <v>134</v>
      </c>
      <c r="W29" s="141">
        <v>5.56</v>
      </c>
      <c r="X29" s="140">
        <v>97</v>
      </c>
      <c r="Y29" s="141">
        <v>4.0199999999999996</v>
      </c>
      <c r="Z29" s="140">
        <v>112</v>
      </c>
      <c r="AA29" s="141">
        <v>4.6399999999999997</v>
      </c>
      <c r="AB29" s="140">
        <v>225</v>
      </c>
      <c r="AC29" s="141">
        <v>9.33</v>
      </c>
      <c r="AD29" s="140">
        <v>525</v>
      </c>
      <c r="AE29" s="141">
        <v>21.77</v>
      </c>
      <c r="AF29" s="140">
        <v>757</v>
      </c>
      <c r="AG29" s="139">
        <v>31.38</v>
      </c>
      <c r="AH29" s="138" t="e">
        <v>#REF!</v>
      </c>
      <c r="AI29" s="137" t="e">
        <v>#REF!</v>
      </c>
      <c r="AJ29" s="135" t="e">
        <v>#REF!</v>
      </c>
      <c r="AK29" s="136" t="e">
        <v>#REF!</v>
      </c>
      <c r="AL29" s="135" t="e">
        <v>#REF!</v>
      </c>
      <c r="AM29" s="134" t="e">
        <v>#REF!</v>
      </c>
    </row>
    <row r="30" spans="1:39" ht="18.75" customHeight="1" x14ac:dyDescent="0.15">
      <c r="A30" s="143">
        <v>25</v>
      </c>
      <c r="B30" s="142" t="s">
        <v>95</v>
      </c>
      <c r="C30" s="140">
        <v>3773</v>
      </c>
      <c r="D30" s="140">
        <v>59</v>
      </c>
      <c r="E30" s="141">
        <v>1.56</v>
      </c>
      <c r="F30" s="140">
        <v>88</v>
      </c>
      <c r="G30" s="141">
        <v>2.33</v>
      </c>
      <c r="H30" s="140">
        <v>103</v>
      </c>
      <c r="I30" s="141">
        <v>2.73</v>
      </c>
      <c r="J30" s="140">
        <v>112</v>
      </c>
      <c r="K30" s="141">
        <v>2.97</v>
      </c>
      <c r="L30" s="140">
        <v>115</v>
      </c>
      <c r="M30" s="141">
        <v>3.05</v>
      </c>
      <c r="N30" s="140">
        <v>101</v>
      </c>
      <c r="O30" s="141">
        <v>2.68</v>
      </c>
      <c r="P30" s="140">
        <v>128</v>
      </c>
      <c r="Q30" s="141">
        <v>3.39</v>
      </c>
      <c r="R30" s="140">
        <v>155</v>
      </c>
      <c r="S30" s="141">
        <v>4.1100000000000003</v>
      </c>
      <c r="T30" s="140">
        <v>188</v>
      </c>
      <c r="U30" s="141">
        <v>4.9800000000000004</v>
      </c>
      <c r="V30" s="140">
        <v>221</v>
      </c>
      <c r="W30" s="141">
        <v>5.86</v>
      </c>
      <c r="X30" s="140">
        <v>213</v>
      </c>
      <c r="Y30" s="141">
        <v>5.65</v>
      </c>
      <c r="Z30" s="140">
        <v>201</v>
      </c>
      <c r="AA30" s="141">
        <v>5.33</v>
      </c>
      <c r="AB30" s="140">
        <v>320</v>
      </c>
      <c r="AC30" s="141">
        <v>8.48</v>
      </c>
      <c r="AD30" s="140">
        <v>725</v>
      </c>
      <c r="AE30" s="141">
        <v>19.22</v>
      </c>
      <c r="AF30" s="140">
        <v>1044</v>
      </c>
      <c r="AG30" s="139">
        <v>27.67</v>
      </c>
      <c r="AH30" s="138" t="e">
        <v>#REF!</v>
      </c>
      <c r="AI30" s="137" t="e">
        <v>#REF!</v>
      </c>
      <c r="AJ30" s="135" t="e">
        <v>#REF!</v>
      </c>
      <c r="AK30" s="136" t="e">
        <v>#REF!</v>
      </c>
      <c r="AL30" s="135" t="e">
        <v>#REF!</v>
      </c>
      <c r="AM30" s="134" t="e">
        <v>#REF!</v>
      </c>
    </row>
    <row r="31" spans="1:39" ht="18.75" customHeight="1" x14ac:dyDescent="0.15">
      <c r="A31" s="143">
        <v>26</v>
      </c>
      <c r="B31" s="142" t="s">
        <v>94</v>
      </c>
      <c r="C31" s="140">
        <v>2497</v>
      </c>
      <c r="D31" s="140">
        <v>29</v>
      </c>
      <c r="E31" s="141">
        <v>1.1599999999999999</v>
      </c>
      <c r="F31" s="140">
        <v>36</v>
      </c>
      <c r="G31" s="141">
        <v>1.44</v>
      </c>
      <c r="H31" s="140">
        <v>47</v>
      </c>
      <c r="I31" s="141">
        <v>1.88</v>
      </c>
      <c r="J31" s="140">
        <v>44</v>
      </c>
      <c r="K31" s="141">
        <v>1.76</v>
      </c>
      <c r="L31" s="140">
        <v>57</v>
      </c>
      <c r="M31" s="141">
        <v>2.2799999999999998</v>
      </c>
      <c r="N31" s="140">
        <v>67</v>
      </c>
      <c r="O31" s="141">
        <v>2.68</v>
      </c>
      <c r="P31" s="140">
        <v>62</v>
      </c>
      <c r="Q31" s="141">
        <v>2.48</v>
      </c>
      <c r="R31" s="140">
        <v>76</v>
      </c>
      <c r="S31" s="141">
        <v>3.04</v>
      </c>
      <c r="T31" s="140">
        <v>97</v>
      </c>
      <c r="U31" s="141">
        <v>3.88</v>
      </c>
      <c r="V31" s="140">
        <v>132</v>
      </c>
      <c r="W31" s="141">
        <v>5.29</v>
      </c>
      <c r="X31" s="140">
        <v>155</v>
      </c>
      <c r="Y31" s="141">
        <v>6.21</v>
      </c>
      <c r="Z31" s="140">
        <v>143</v>
      </c>
      <c r="AA31" s="141">
        <v>5.73</v>
      </c>
      <c r="AB31" s="140">
        <v>264</v>
      </c>
      <c r="AC31" s="141">
        <v>10.57</v>
      </c>
      <c r="AD31" s="140">
        <v>547</v>
      </c>
      <c r="AE31" s="141">
        <v>21.91</v>
      </c>
      <c r="AF31" s="140">
        <v>741</v>
      </c>
      <c r="AG31" s="139">
        <v>29.68</v>
      </c>
      <c r="AH31" s="138" t="e">
        <v>#REF!</v>
      </c>
      <c r="AI31" s="137" t="e">
        <v>#REF!</v>
      </c>
      <c r="AJ31" s="135" t="e">
        <v>#REF!</v>
      </c>
      <c r="AK31" s="136" t="e">
        <v>#REF!</v>
      </c>
      <c r="AL31" s="135" t="e">
        <v>#REF!</v>
      </c>
      <c r="AM31" s="134" t="e">
        <v>#REF!</v>
      </c>
    </row>
    <row r="32" spans="1:39" ht="18.75" customHeight="1" x14ac:dyDescent="0.15">
      <c r="A32" s="143">
        <v>27</v>
      </c>
      <c r="B32" s="142" t="s">
        <v>93</v>
      </c>
      <c r="C32" s="140">
        <v>2580</v>
      </c>
      <c r="D32" s="140">
        <v>21</v>
      </c>
      <c r="E32" s="141">
        <v>0.81</v>
      </c>
      <c r="F32" s="140">
        <v>39</v>
      </c>
      <c r="G32" s="141">
        <v>1.51</v>
      </c>
      <c r="H32" s="140">
        <v>18</v>
      </c>
      <c r="I32" s="141">
        <v>0.7</v>
      </c>
      <c r="J32" s="140">
        <v>39</v>
      </c>
      <c r="K32" s="141">
        <v>1.51</v>
      </c>
      <c r="L32" s="140">
        <v>45</v>
      </c>
      <c r="M32" s="141">
        <v>1.74</v>
      </c>
      <c r="N32" s="140">
        <v>54</v>
      </c>
      <c r="O32" s="141">
        <v>2.09</v>
      </c>
      <c r="P32" s="140">
        <v>62</v>
      </c>
      <c r="Q32" s="141">
        <v>2.4</v>
      </c>
      <c r="R32" s="140">
        <v>77</v>
      </c>
      <c r="S32" s="141">
        <v>2.98</v>
      </c>
      <c r="T32" s="140">
        <v>96</v>
      </c>
      <c r="U32" s="141">
        <v>3.72</v>
      </c>
      <c r="V32" s="140">
        <v>79</v>
      </c>
      <c r="W32" s="141">
        <v>3.06</v>
      </c>
      <c r="X32" s="140">
        <v>119</v>
      </c>
      <c r="Y32" s="141">
        <v>4.6100000000000003</v>
      </c>
      <c r="Z32" s="140">
        <v>124</v>
      </c>
      <c r="AA32" s="141">
        <v>4.8099999999999996</v>
      </c>
      <c r="AB32" s="140">
        <v>300</v>
      </c>
      <c r="AC32" s="141">
        <v>11.63</v>
      </c>
      <c r="AD32" s="140">
        <v>656</v>
      </c>
      <c r="AE32" s="141">
        <v>25.43</v>
      </c>
      <c r="AF32" s="140">
        <v>851</v>
      </c>
      <c r="AG32" s="139">
        <v>32.979999999999997</v>
      </c>
      <c r="AH32" s="138" t="e">
        <v>#REF!</v>
      </c>
      <c r="AI32" s="137" t="e">
        <v>#REF!</v>
      </c>
      <c r="AJ32" s="135" t="e">
        <v>#REF!</v>
      </c>
      <c r="AK32" s="136" t="e">
        <v>#REF!</v>
      </c>
      <c r="AL32" s="135" t="e">
        <v>#REF!</v>
      </c>
      <c r="AM32" s="134" t="e">
        <v>#REF!</v>
      </c>
    </row>
    <row r="33" spans="1:39" ht="18.75" customHeight="1" x14ac:dyDescent="0.15">
      <c r="A33" s="143">
        <v>28</v>
      </c>
      <c r="B33" s="142" t="s">
        <v>92</v>
      </c>
      <c r="C33" s="140">
        <v>3191</v>
      </c>
      <c r="D33" s="140">
        <v>66</v>
      </c>
      <c r="E33" s="141">
        <v>2.0699999999999998</v>
      </c>
      <c r="F33" s="140">
        <v>72</v>
      </c>
      <c r="G33" s="141">
        <v>2.2599999999999998</v>
      </c>
      <c r="H33" s="140">
        <v>85</v>
      </c>
      <c r="I33" s="141">
        <v>2.66</v>
      </c>
      <c r="J33" s="140">
        <v>90</v>
      </c>
      <c r="K33" s="141">
        <v>2.82</v>
      </c>
      <c r="L33" s="140">
        <v>78</v>
      </c>
      <c r="M33" s="141">
        <v>2.44</v>
      </c>
      <c r="N33" s="140">
        <v>93</v>
      </c>
      <c r="O33" s="141">
        <v>2.91</v>
      </c>
      <c r="P33" s="140">
        <v>93</v>
      </c>
      <c r="Q33" s="141">
        <v>2.91</v>
      </c>
      <c r="R33" s="140">
        <v>123</v>
      </c>
      <c r="S33" s="141">
        <v>3.85</v>
      </c>
      <c r="T33" s="140">
        <v>150</v>
      </c>
      <c r="U33" s="141">
        <v>4.7</v>
      </c>
      <c r="V33" s="140">
        <v>171</v>
      </c>
      <c r="W33" s="141">
        <v>5.36</v>
      </c>
      <c r="X33" s="140">
        <v>179</v>
      </c>
      <c r="Y33" s="141">
        <v>5.61</v>
      </c>
      <c r="Z33" s="140">
        <v>165</v>
      </c>
      <c r="AA33" s="141">
        <v>5.17</v>
      </c>
      <c r="AB33" s="140">
        <v>296</v>
      </c>
      <c r="AC33" s="141">
        <v>9.2799999999999994</v>
      </c>
      <c r="AD33" s="140">
        <v>643</v>
      </c>
      <c r="AE33" s="141">
        <v>20.149999999999999</v>
      </c>
      <c r="AF33" s="140">
        <v>887</v>
      </c>
      <c r="AG33" s="139">
        <v>27.8</v>
      </c>
      <c r="AH33" s="138" t="e">
        <v>#REF!</v>
      </c>
      <c r="AI33" s="137" t="e">
        <v>#REF!</v>
      </c>
      <c r="AJ33" s="135" t="e">
        <v>#REF!</v>
      </c>
      <c r="AK33" s="136" t="e">
        <v>#REF!</v>
      </c>
      <c r="AL33" s="135" t="e">
        <v>#REF!</v>
      </c>
      <c r="AM33" s="134" t="e">
        <v>#REF!</v>
      </c>
    </row>
    <row r="34" spans="1:39" ht="18.75" customHeight="1" x14ac:dyDescent="0.15">
      <c r="A34" s="143">
        <v>29</v>
      </c>
      <c r="B34" s="142" t="s">
        <v>91</v>
      </c>
      <c r="C34" s="140">
        <v>2702</v>
      </c>
      <c r="D34" s="140">
        <v>28</v>
      </c>
      <c r="E34" s="141">
        <v>1.04</v>
      </c>
      <c r="F34" s="140">
        <v>41</v>
      </c>
      <c r="G34" s="141">
        <v>1.52</v>
      </c>
      <c r="H34" s="140">
        <v>48</v>
      </c>
      <c r="I34" s="141">
        <v>1.78</v>
      </c>
      <c r="J34" s="140">
        <v>58</v>
      </c>
      <c r="K34" s="141">
        <v>2.15</v>
      </c>
      <c r="L34" s="140">
        <v>54</v>
      </c>
      <c r="M34" s="141">
        <v>2</v>
      </c>
      <c r="N34" s="140">
        <v>105</v>
      </c>
      <c r="O34" s="141">
        <v>3.89</v>
      </c>
      <c r="P34" s="140">
        <v>95</v>
      </c>
      <c r="Q34" s="141">
        <v>3.52</v>
      </c>
      <c r="R34" s="140">
        <v>103</v>
      </c>
      <c r="S34" s="141">
        <v>3.81</v>
      </c>
      <c r="T34" s="140">
        <v>106</v>
      </c>
      <c r="U34" s="141">
        <v>3.92</v>
      </c>
      <c r="V34" s="140">
        <v>139</v>
      </c>
      <c r="W34" s="141">
        <v>5.14</v>
      </c>
      <c r="X34" s="140">
        <v>160</v>
      </c>
      <c r="Y34" s="141">
        <v>5.92</v>
      </c>
      <c r="Z34" s="140">
        <v>178</v>
      </c>
      <c r="AA34" s="141">
        <v>6.59</v>
      </c>
      <c r="AB34" s="140">
        <v>310</v>
      </c>
      <c r="AC34" s="141">
        <v>11.47</v>
      </c>
      <c r="AD34" s="140">
        <v>469</v>
      </c>
      <c r="AE34" s="141">
        <v>17.36</v>
      </c>
      <c r="AF34" s="140">
        <v>808</v>
      </c>
      <c r="AG34" s="139">
        <v>29.9</v>
      </c>
      <c r="AH34" s="138" t="e">
        <v>#REF!</v>
      </c>
      <c r="AI34" s="137" t="e">
        <v>#REF!</v>
      </c>
      <c r="AJ34" s="135" t="e">
        <v>#REF!</v>
      </c>
      <c r="AK34" s="136" t="e">
        <v>#REF!</v>
      </c>
      <c r="AL34" s="135" t="e">
        <v>#REF!</v>
      </c>
      <c r="AM34" s="134" t="e">
        <v>#REF!</v>
      </c>
    </row>
    <row r="35" spans="1:39" ht="18.75" customHeight="1" x14ac:dyDescent="0.15">
      <c r="A35" s="143">
        <v>30</v>
      </c>
      <c r="B35" s="142" t="s">
        <v>90</v>
      </c>
      <c r="C35" s="140">
        <v>2141</v>
      </c>
      <c r="D35" s="140">
        <v>32</v>
      </c>
      <c r="E35" s="141">
        <v>1.49</v>
      </c>
      <c r="F35" s="140">
        <v>53</v>
      </c>
      <c r="G35" s="141">
        <v>2.48</v>
      </c>
      <c r="H35" s="140">
        <v>42</v>
      </c>
      <c r="I35" s="141">
        <v>1.96</v>
      </c>
      <c r="J35" s="140">
        <v>31</v>
      </c>
      <c r="K35" s="141">
        <v>1.45</v>
      </c>
      <c r="L35" s="140">
        <v>43</v>
      </c>
      <c r="M35" s="141">
        <v>2.0099999999999998</v>
      </c>
      <c r="N35" s="140">
        <v>38</v>
      </c>
      <c r="O35" s="141">
        <v>1.77</v>
      </c>
      <c r="P35" s="140">
        <v>65</v>
      </c>
      <c r="Q35" s="141">
        <v>3.04</v>
      </c>
      <c r="R35" s="140">
        <v>85</v>
      </c>
      <c r="S35" s="141">
        <v>3.97</v>
      </c>
      <c r="T35" s="140">
        <v>91</v>
      </c>
      <c r="U35" s="141">
        <v>4.25</v>
      </c>
      <c r="V35" s="140">
        <v>110</v>
      </c>
      <c r="W35" s="141">
        <v>5.14</v>
      </c>
      <c r="X35" s="140">
        <v>138</v>
      </c>
      <c r="Y35" s="141">
        <v>6.45</v>
      </c>
      <c r="Z35" s="140">
        <v>153</v>
      </c>
      <c r="AA35" s="141">
        <v>7.15</v>
      </c>
      <c r="AB35" s="140">
        <v>220</v>
      </c>
      <c r="AC35" s="141">
        <v>10.28</v>
      </c>
      <c r="AD35" s="140">
        <v>431</v>
      </c>
      <c r="AE35" s="141">
        <v>20.13</v>
      </c>
      <c r="AF35" s="140">
        <v>609</v>
      </c>
      <c r="AG35" s="139">
        <v>28.44</v>
      </c>
      <c r="AH35" s="138" t="e">
        <v>#REF!</v>
      </c>
      <c r="AI35" s="137" t="e">
        <v>#REF!</v>
      </c>
      <c r="AJ35" s="135" t="e">
        <v>#REF!</v>
      </c>
      <c r="AK35" s="136" t="e">
        <v>#REF!</v>
      </c>
      <c r="AL35" s="135" t="e">
        <v>#REF!</v>
      </c>
      <c r="AM35" s="134" t="e">
        <v>#REF!</v>
      </c>
    </row>
    <row r="36" spans="1:39" ht="18.75" customHeight="1" x14ac:dyDescent="0.15">
      <c r="A36" s="143">
        <v>31</v>
      </c>
      <c r="B36" s="142" t="s">
        <v>89</v>
      </c>
      <c r="C36" s="140">
        <v>6629</v>
      </c>
      <c r="D36" s="140">
        <v>73</v>
      </c>
      <c r="E36" s="141">
        <v>1.1000000000000001</v>
      </c>
      <c r="F36" s="140">
        <v>114</v>
      </c>
      <c r="G36" s="141">
        <v>1.72</v>
      </c>
      <c r="H36" s="140">
        <v>160</v>
      </c>
      <c r="I36" s="141">
        <v>2.41</v>
      </c>
      <c r="J36" s="140">
        <v>163</v>
      </c>
      <c r="K36" s="141">
        <v>2.46</v>
      </c>
      <c r="L36" s="140">
        <v>174</v>
      </c>
      <c r="M36" s="141">
        <v>2.62</v>
      </c>
      <c r="N36" s="140">
        <v>118</v>
      </c>
      <c r="O36" s="141">
        <v>1.78</v>
      </c>
      <c r="P36" s="140">
        <v>164</v>
      </c>
      <c r="Q36" s="141">
        <v>2.4700000000000002</v>
      </c>
      <c r="R36" s="140">
        <v>239</v>
      </c>
      <c r="S36" s="141">
        <v>3.61</v>
      </c>
      <c r="T36" s="140">
        <v>297</v>
      </c>
      <c r="U36" s="141">
        <v>4.4800000000000004</v>
      </c>
      <c r="V36" s="140">
        <v>368</v>
      </c>
      <c r="W36" s="141">
        <v>5.55</v>
      </c>
      <c r="X36" s="140">
        <v>431</v>
      </c>
      <c r="Y36" s="141">
        <v>6.5</v>
      </c>
      <c r="Z36" s="140">
        <v>453</v>
      </c>
      <c r="AA36" s="141">
        <v>6.83</v>
      </c>
      <c r="AB36" s="140">
        <v>655</v>
      </c>
      <c r="AC36" s="141">
        <v>9.8800000000000008</v>
      </c>
      <c r="AD36" s="140">
        <v>1324</v>
      </c>
      <c r="AE36" s="141">
        <v>19.97</v>
      </c>
      <c r="AF36" s="140">
        <v>1896</v>
      </c>
      <c r="AG36" s="139">
        <v>28.6</v>
      </c>
      <c r="AH36" s="138" t="e">
        <v>#REF!</v>
      </c>
      <c r="AI36" s="137" t="e">
        <v>#REF!</v>
      </c>
      <c r="AJ36" s="135" t="e">
        <v>#REF!</v>
      </c>
      <c r="AK36" s="136" t="e">
        <v>#REF!</v>
      </c>
      <c r="AL36" s="135" t="e">
        <v>#REF!</v>
      </c>
      <c r="AM36" s="134" t="e">
        <v>#REF!</v>
      </c>
    </row>
    <row r="37" spans="1:39" ht="18.75" customHeight="1" x14ac:dyDescent="0.15">
      <c r="A37" s="143">
        <v>32</v>
      </c>
      <c r="B37" s="142" t="s">
        <v>88</v>
      </c>
      <c r="C37" s="140">
        <v>10480</v>
      </c>
      <c r="D37" s="140">
        <v>217</v>
      </c>
      <c r="E37" s="141">
        <v>2.0699999999999998</v>
      </c>
      <c r="F37" s="140">
        <v>240</v>
      </c>
      <c r="G37" s="141">
        <v>2.29</v>
      </c>
      <c r="H37" s="140">
        <v>319</v>
      </c>
      <c r="I37" s="141">
        <v>3.04</v>
      </c>
      <c r="J37" s="140">
        <v>322</v>
      </c>
      <c r="K37" s="141">
        <v>3.07</v>
      </c>
      <c r="L37" s="140">
        <v>363</v>
      </c>
      <c r="M37" s="141">
        <v>3.46</v>
      </c>
      <c r="N37" s="140">
        <v>315</v>
      </c>
      <c r="O37" s="141">
        <v>3.01</v>
      </c>
      <c r="P37" s="140">
        <v>340</v>
      </c>
      <c r="Q37" s="141">
        <v>3.24</v>
      </c>
      <c r="R37" s="140">
        <v>435</v>
      </c>
      <c r="S37" s="141">
        <v>4.1500000000000004</v>
      </c>
      <c r="T37" s="140">
        <v>460</v>
      </c>
      <c r="U37" s="141">
        <v>4.3899999999999997</v>
      </c>
      <c r="V37" s="140">
        <v>651</v>
      </c>
      <c r="W37" s="141">
        <v>6.21</v>
      </c>
      <c r="X37" s="140">
        <v>626</v>
      </c>
      <c r="Y37" s="141">
        <v>5.97</v>
      </c>
      <c r="Z37" s="140">
        <v>528</v>
      </c>
      <c r="AA37" s="141">
        <v>5.04</v>
      </c>
      <c r="AB37" s="140">
        <v>931</v>
      </c>
      <c r="AC37" s="141">
        <v>8.8800000000000008</v>
      </c>
      <c r="AD37" s="140">
        <v>1981</v>
      </c>
      <c r="AE37" s="141">
        <v>18.899999999999999</v>
      </c>
      <c r="AF37" s="140">
        <v>2752</v>
      </c>
      <c r="AG37" s="139">
        <v>26.26</v>
      </c>
      <c r="AH37" s="138" t="e">
        <v>#REF!</v>
      </c>
      <c r="AI37" s="137" t="e">
        <v>#REF!</v>
      </c>
      <c r="AJ37" s="135" t="e">
        <v>#REF!</v>
      </c>
      <c r="AK37" s="136" t="e">
        <v>#REF!</v>
      </c>
      <c r="AL37" s="135" t="e">
        <v>#REF!</v>
      </c>
      <c r="AM37" s="134" t="e">
        <v>#REF!</v>
      </c>
    </row>
    <row r="38" spans="1:39" ht="18.75" customHeight="1" thickBot="1" x14ac:dyDescent="0.2">
      <c r="A38" s="133">
        <v>33</v>
      </c>
      <c r="B38" s="132" t="s">
        <v>87</v>
      </c>
      <c r="C38" s="130">
        <v>771</v>
      </c>
      <c r="D38" s="130">
        <v>6</v>
      </c>
      <c r="E38" s="131">
        <v>0.78</v>
      </c>
      <c r="F38" s="130">
        <v>7</v>
      </c>
      <c r="G38" s="131">
        <v>0.91</v>
      </c>
      <c r="H38" s="130">
        <v>5</v>
      </c>
      <c r="I38" s="131">
        <v>0.65</v>
      </c>
      <c r="J38" s="130">
        <v>14</v>
      </c>
      <c r="K38" s="131">
        <v>1.82</v>
      </c>
      <c r="L38" s="130">
        <v>14</v>
      </c>
      <c r="M38" s="131">
        <v>1.82</v>
      </c>
      <c r="N38" s="130">
        <v>18</v>
      </c>
      <c r="O38" s="131">
        <v>2.33</v>
      </c>
      <c r="P38" s="130">
        <v>20</v>
      </c>
      <c r="Q38" s="131">
        <v>2.59</v>
      </c>
      <c r="R38" s="130">
        <v>28</v>
      </c>
      <c r="S38" s="131">
        <v>3.63</v>
      </c>
      <c r="T38" s="130">
        <v>39</v>
      </c>
      <c r="U38" s="131">
        <v>5.0599999999999996</v>
      </c>
      <c r="V38" s="130">
        <v>31</v>
      </c>
      <c r="W38" s="131">
        <v>4.0199999999999996</v>
      </c>
      <c r="X38" s="130">
        <v>42</v>
      </c>
      <c r="Y38" s="131">
        <v>5.45</v>
      </c>
      <c r="Z38" s="130">
        <v>46</v>
      </c>
      <c r="AA38" s="131">
        <v>5.97</v>
      </c>
      <c r="AB38" s="130">
        <v>72</v>
      </c>
      <c r="AC38" s="131">
        <v>9.34</v>
      </c>
      <c r="AD38" s="130">
        <v>183</v>
      </c>
      <c r="AE38" s="131">
        <v>23.74</v>
      </c>
      <c r="AF38" s="130">
        <v>246</v>
      </c>
      <c r="AG38" s="129">
        <v>31.91</v>
      </c>
      <c r="AH38" s="138" t="e">
        <v>#REF!</v>
      </c>
      <c r="AI38" s="137" t="e">
        <v>#REF!</v>
      </c>
      <c r="AJ38" s="135" t="e">
        <v>#REF!</v>
      </c>
      <c r="AK38" s="136" t="e">
        <v>#REF!</v>
      </c>
      <c r="AL38" s="135" t="e">
        <v>#REF!</v>
      </c>
      <c r="AM38" s="134" t="e">
        <v>#REF!</v>
      </c>
    </row>
    <row r="39" spans="1:39" ht="18.75" customHeight="1" thickTop="1" x14ac:dyDescent="0.15">
      <c r="A39" s="153">
        <v>301</v>
      </c>
      <c r="B39" s="152" t="s">
        <v>86</v>
      </c>
      <c r="C39" s="150">
        <v>12777</v>
      </c>
      <c r="D39" s="150">
        <v>245</v>
      </c>
      <c r="E39" s="151">
        <v>1.92</v>
      </c>
      <c r="F39" s="150">
        <v>398</v>
      </c>
      <c r="G39" s="151">
        <v>3.11</v>
      </c>
      <c r="H39" s="150">
        <v>599</v>
      </c>
      <c r="I39" s="151">
        <v>4.6900000000000004</v>
      </c>
      <c r="J39" s="150">
        <v>725</v>
      </c>
      <c r="K39" s="151">
        <v>5.67</v>
      </c>
      <c r="L39" s="150">
        <v>765</v>
      </c>
      <c r="M39" s="151">
        <v>5.99</v>
      </c>
      <c r="N39" s="150">
        <v>463</v>
      </c>
      <c r="O39" s="151">
        <v>3.62</v>
      </c>
      <c r="P39" s="150">
        <v>486</v>
      </c>
      <c r="Q39" s="151">
        <v>3.8</v>
      </c>
      <c r="R39" s="150">
        <v>564</v>
      </c>
      <c r="S39" s="151">
        <v>4.41</v>
      </c>
      <c r="T39" s="150">
        <v>916</v>
      </c>
      <c r="U39" s="151">
        <v>7.17</v>
      </c>
      <c r="V39" s="150">
        <v>1386</v>
      </c>
      <c r="W39" s="151">
        <v>10.85</v>
      </c>
      <c r="X39" s="150">
        <v>1581</v>
      </c>
      <c r="Y39" s="151">
        <v>12.37</v>
      </c>
      <c r="Z39" s="150">
        <v>1569</v>
      </c>
      <c r="AA39" s="151">
        <v>12.28</v>
      </c>
      <c r="AB39" s="150">
        <v>1357</v>
      </c>
      <c r="AC39" s="151">
        <v>10.62</v>
      </c>
      <c r="AD39" s="150">
        <v>1003</v>
      </c>
      <c r="AE39" s="151">
        <v>7.85</v>
      </c>
      <c r="AF39" s="150">
        <v>720</v>
      </c>
      <c r="AG39" s="149">
        <v>5.64</v>
      </c>
      <c r="AH39" s="148" t="e">
        <v>#REF!</v>
      </c>
      <c r="AI39" s="147" t="e">
        <v>#REF!</v>
      </c>
      <c r="AJ39" s="145" t="e">
        <v>#REF!</v>
      </c>
      <c r="AK39" s="146" t="e">
        <v>#REF!</v>
      </c>
      <c r="AL39" s="145" t="e">
        <v>#REF!</v>
      </c>
      <c r="AM39" s="144" t="e">
        <v>#REF!</v>
      </c>
    </row>
    <row r="40" spans="1:39" ht="18.75" customHeight="1" x14ac:dyDescent="0.15">
      <c r="A40" s="143">
        <v>302</v>
      </c>
      <c r="B40" s="142" t="s">
        <v>85</v>
      </c>
      <c r="C40" s="140">
        <v>16545</v>
      </c>
      <c r="D40" s="140">
        <v>478</v>
      </c>
      <c r="E40" s="141">
        <v>2.89</v>
      </c>
      <c r="F40" s="140">
        <v>545</v>
      </c>
      <c r="G40" s="141">
        <v>3.29</v>
      </c>
      <c r="H40" s="140">
        <v>572</v>
      </c>
      <c r="I40" s="141">
        <v>3.46</v>
      </c>
      <c r="J40" s="140">
        <v>769</v>
      </c>
      <c r="K40" s="141">
        <v>4.6500000000000004</v>
      </c>
      <c r="L40" s="140">
        <v>1602</v>
      </c>
      <c r="M40" s="141">
        <v>9.68</v>
      </c>
      <c r="N40" s="140">
        <v>1545</v>
      </c>
      <c r="O40" s="141">
        <v>9.34</v>
      </c>
      <c r="P40" s="140">
        <v>1467</v>
      </c>
      <c r="Q40" s="141">
        <v>8.8699999999999992</v>
      </c>
      <c r="R40" s="140">
        <v>1318</v>
      </c>
      <c r="S40" s="141">
        <v>7.97</v>
      </c>
      <c r="T40" s="140">
        <v>1246</v>
      </c>
      <c r="U40" s="141">
        <v>7.53</v>
      </c>
      <c r="V40" s="140">
        <v>1397</v>
      </c>
      <c r="W40" s="141">
        <v>8.44</v>
      </c>
      <c r="X40" s="140">
        <v>1434</v>
      </c>
      <c r="Y40" s="141">
        <v>8.67</v>
      </c>
      <c r="Z40" s="140">
        <v>1406</v>
      </c>
      <c r="AA40" s="141">
        <v>8.5</v>
      </c>
      <c r="AB40" s="140">
        <v>1216</v>
      </c>
      <c r="AC40" s="141">
        <v>7.35</v>
      </c>
      <c r="AD40" s="140">
        <v>903</v>
      </c>
      <c r="AE40" s="141">
        <v>5.46</v>
      </c>
      <c r="AF40" s="140">
        <v>647</v>
      </c>
      <c r="AG40" s="139">
        <v>3.91</v>
      </c>
      <c r="AH40" s="138" t="e">
        <v>#REF!</v>
      </c>
      <c r="AI40" s="137" t="e">
        <v>#REF!</v>
      </c>
      <c r="AJ40" s="135" t="e">
        <v>#REF!</v>
      </c>
      <c r="AK40" s="136" t="e">
        <v>#REF!</v>
      </c>
      <c r="AL40" s="135" t="e">
        <v>#REF!</v>
      </c>
      <c r="AM40" s="134" t="e">
        <v>#REF!</v>
      </c>
    </row>
    <row r="41" spans="1:39" ht="18.75" customHeight="1" x14ac:dyDescent="0.15">
      <c r="A41" s="143">
        <v>303</v>
      </c>
      <c r="B41" s="142" t="s">
        <v>84</v>
      </c>
      <c r="C41" s="140">
        <v>13349</v>
      </c>
      <c r="D41" s="140">
        <v>343</v>
      </c>
      <c r="E41" s="141">
        <v>2.57</v>
      </c>
      <c r="F41" s="140">
        <v>393</v>
      </c>
      <c r="G41" s="141">
        <v>2.94</v>
      </c>
      <c r="H41" s="140">
        <v>514</v>
      </c>
      <c r="I41" s="141">
        <v>3.85</v>
      </c>
      <c r="J41" s="140">
        <v>560</v>
      </c>
      <c r="K41" s="141">
        <v>4.2</v>
      </c>
      <c r="L41" s="140">
        <v>585</v>
      </c>
      <c r="M41" s="141">
        <v>4.38</v>
      </c>
      <c r="N41" s="140">
        <v>501</v>
      </c>
      <c r="O41" s="141">
        <v>3.75</v>
      </c>
      <c r="P41" s="140">
        <v>667</v>
      </c>
      <c r="Q41" s="141">
        <v>5</v>
      </c>
      <c r="R41" s="140">
        <v>904</v>
      </c>
      <c r="S41" s="141">
        <v>6.77</v>
      </c>
      <c r="T41" s="140">
        <v>1169</v>
      </c>
      <c r="U41" s="141">
        <v>8.76</v>
      </c>
      <c r="V41" s="140">
        <v>1599</v>
      </c>
      <c r="W41" s="141">
        <v>11.98</v>
      </c>
      <c r="X41" s="140">
        <v>1438</v>
      </c>
      <c r="Y41" s="141">
        <v>10.77</v>
      </c>
      <c r="Z41" s="140">
        <v>1190</v>
      </c>
      <c r="AA41" s="141">
        <v>8.91</v>
      </c>
      <c r="AB41" s="140">
        <v>1102</v>
      </c>
      <c r="AC41" s="141">
        <v>8.26</v>
      </c>
      <c r="AD41" s="140">
        <v>1095</v>
      </c>
      <c r="AE41" s="141">
        <v>8.1999999999999993</v>
      </c>
      <c r="AF41" s="140">
        <v>1289</v>
      </c>
      <c r="AG41" s="139">
        <v>9.66</v>
      </c>
      <c r="AH41" s="138" t="e">
        <v>#REF!</v>
      </c>
      <c r="AI41" s="137" t="e">
        <v>#REF!</v>
      </c>
      <c r="AJ41" s="135" t="e">
        <v>#REF!</v>
      </c>
      <c r="AK41" s="136" t="e">
        <v>#REF!</v>
      </c>
      <c r="AL41" s="135" t="e">
        <v>#REF!</v>
      </c>
      <c r="AM41" s="134" t="e">
        <v>#REF!</v>
      </c>
    </row>
    <row r="42" spans="1:39" ht="18.75" customHeight="1" x14ac:dyDescent="0.15">
      <c r="A42" s="143">
        <v>304</v>
      </c>
      <c r="B42" s="142" t="s">
        <v>83</v>
      </c>
      <c r="C42" s="140">
        <v>3798</v>
      </c>
      <c r="D42" s="140">
        <v>112</v>
      </c>
      <c r="E42" s="141">
        <v>2.95</v>
      </c>
      <c r="F42" s="140">
        <v>150</v>
      </c>
      <c r="G42" s="141">
        <v>3.95</v>
      </c>
      <c r="H42" s="140">
        <v>144</v>
      </c>
      <c r="I42" s="141">
        <v>3.79</v>
      </c>
      <c r="J42" s="140">
        <v>125</v>
      </c>
      <c r="K42" s="141">
        <v>3.29</v>
      </c>
      <c r="L42" s="140">
        <v>151</v>
      </c>
      <c r="M42" s="141">
        <v>3.98</v>
      </c>
      <c r="N42" s="140">
        <v>200</v>
      </c>
      <c r="O42" s="141">
        <v>5.27</v>
      </c>
      <c r="P42" s="140">
        <v>273</v>
      </c>
      <c r="Q42" s="141">
        <v>7.19</v>
      </c>
      <c r="R42" s="140">
        <v>301</v>
      </c>
      <c r="S42" s="141">
        <v>7.93</v>
      </c>
      <c r="T42" s="140">
        <v>396</v>
      </c>
      <c r="U42" s="141">
        <v>10.43</v>
      </c>
      <c r="V42" s="140">
        <v>428</v>
      </c>
      <c r="W42" s="141">
        <v>11.27</v>
      </c>
      <c r="X42" s="140">
        <v>400</v>
      </c>
      <c r="Y42" s="141">
        <v>10.53</v>
      </c>
      <c r="Z42" s="140">
        <v>390</v>
      </c>
      <c r="AA42" s="141">
        <v>10.27</v>
      </c>
      <c r="AB42" s="140">
        <v>341</v>
      </c>
      <c r="AC42" s="141">
        <v>8.98</v>
      </c>
      <c r="AD42" s="140">
        <v>208</v>
      </c>
      <c r="AE42" s="141">
        <v>5.48</v>
      </c>
      <c r="AF42" s="140">
        <v>179</v>
      </c>
      <c r="AG42" s="139">
        <v>4.71</v>
      </c>
      <c r="AH42" s="138" t="e">
        <v>#REF!</v>
      </c>
      <c r="AI42" s="137" t="e">
        <v>#REF!</v>
      </c>
      <c r="AJ42" s="135" t="e">
        <v>#REF!</v>
      </c>
      <c r="AK42" s="136" t="e">
        <v>#REF!</v>
      </c>
      <c r="AL42" s="135" t="e">
        <v>#REF!</v>
      </c>
      <c r="AM42" s="134" t="e">
        <v>#REF!</v>
      </c>
    </row>
    <row r="43" spans="1:39" ht="18.75" customHeight="1" x14ac:dyDescent="0.15">
      <c r="A43" s="143">
        <v>305</v>
      </c>
      <c r="B43" s="142" t="s">
        <v>82</v>
      </c>
      <c r="C43" s="140">
        <v>7697</v>
      </c>
      <c r="D43" s="140">
        <v>304</v>
      </c>
      <c r="E43" s="141">
        <v>3.95</v>
      </c>
      <c r="F43" s="140">
        <v>399</v>
      </c>
      <c r="G43" s="141">
        <v>5.18</v>
      </c>
      <c r="H43" s="140">
        <v>545</v>
      </c>
      <c r="I43" s="141">
        <v>7.08</v>
      </c>
      <c r="J43" s="140">
        <v>522</v>
      </c>
      <c r="K43" s="141">
        <v>6.78</v>
      </c>
      <c r="L43" s="140">
        <v>359</v>
      </c>
      <c r="M43" s="141">
        <v>4.66</v>
      </c>
      <c r="N43" s="140">
        <v>268</v>
      </c>
      <c r="O43" s="141">
        <v>3.48</v>
      </c>
      <c r="P43" s="140">
        <v>291</v>
      </c>
      <c r="Q43" s="141">
        <v>3.78</v>
      </c>
      <c r="R43" s="140">
        <v>443</v>
      </c>
      <c r="S43" s="141">
        <v>5.76</v>
      </c>
      <c r="T43" s="140">
        <v>675</v>
      </c>
      <c r="U43" s="141">
        <v>8.77</v>
      </c>
      <c r="V43" s="140">
        <v>989</v>
      </c>
      <c r="W43" s="141">
        <v>12.85</v>
      </c>
      <c r="X43" s="140">
        <v>814</v>
      </c>
      <c r="Y43" s="141">
        <v>10.58</v>
      </c>
      <c r="Z43" s="140">
        <v>587</v>
      </c>
      <c r="AA43" s="141">
        <v>7.63</v>
      </c>
      <c r="AB43" s="140">
        <v>513</v>
      </c>
      <c r="AC43" s="141">
        <v>6.66</v>
      </c>
      <c r="AD43" s="140">
        <v>520</v>
      </c>
      <c r="AE43" s="141">
        <v>6.76</v>
      </c>
      <c r="AF43" s="140">
        <v>468</v>
      </c>
      <c r="AG43" s="139">
        <v>6.08</v>
      </c>
      <c r="AH43" s="138" t="e">
        <v>#REF!</v>
      </c>
      <c r="AI43" s="137" t="e">
        <v>#REF!</v>
      </c>
      <c r="AJ43" s="135" t="e">
        <v>#REF!</v>
      </c>
      <c r="AK43" s="136" t="e">
        <v>#REF!</v>
      </c>
      <c r="AL43" s="135" t="e">
        <v>#REF!</v>
      </c>
      <c r="AM43" s="134" t="e">
        <v>#REF!</v>
      </c>
    </row>
    <row r="44" spans="1:39" ht="18.75" customHeight="1" thickBot="1" x14ac:dyDescent="0.2">
      <c r="A44" s="133">
        <v>306</v>
      </c>
      <c r="B44" s="132" t="s">
        <v>81</v>
      </c>
      <c r="C44" s="130">
        <v>78504</v>
      </c>
      <c r="D44" s="130">
        <v>4782</v>
      </c>
      <c r="E44" s="131">
        <v>6.09</v>
      </c>
      <c r="F44" s="130">
        <v>5318</v>
      </c>
      <c r="G44" s="131">
        <v>6.77</v>
      </c>
      <c r="H44" s="130">
        <v>5542</v>
      </c>
      <c r="I44" s="131">
        <v>7.06</v>
      </c>
      <c r="J44" s="130">
        <v>5385</v>
      </c>
      <c r="K44" s="131">
        <v>6.86</v>
      </c>
      <c r="L44" s="130">
        <v>4593</v>
      </c>
      <c r="M44" s="131">
        <v>5.85</v>
      </c>
      <c r="N44" s="130">
        <v>4400</v>
      </c>
      <c r="O44" s="131">
        <v>5.6</v>
      </c>
      <c r="P44" s="130">
        <v>4517</v>
      </c>
      <c r="Q44" s="131">
        <v>5.75</v>
      </c>
      <c r="R44" s="130">
        <v>5660</v>
      </c>
      <c r="S44" s="131">
        <v>7.21</v>
      </c>
      <c r="T44" s="130">
        <v>6673</v>
      </c>
      <c r="U44" s="131">
        <v>8.5</v>
      </c>
      <c r="V44" s="130">
        <v>8187</v>
      </c>
      <c r="W44" s="131">
        <v>10.43</v>
      </c>
      <c r="X44" s="130">
        <v>6843</v>
      </c>
      <c r="Y44" s="131">
        <v>8.7200000000000006</v>
      </c>
      <c r="Z44" s="130">
        <v>4480</v>
      </c>
      <c r="AA44" s="131">
        <v>5.71</v>
      </c>
      <c r="AB44" s="130">
        <v>3546</v>
      </c>
      <c r="AC44" s="131">
        <v>4.5199999999999996</v>
      </c>
      <c r="AD44" s="130">
        <v>4448</v>
      </c>
      <c r="AE44" s="131">
        <v>5.67</v>
      </c>
      <c r="AF44" s="130">
        <v>4130</v>
      </c>
      <c r="AG44" s="129">
        <v>5.26</v>
      </c>
      <c r="AH44" s="128" t="e">
        <v>#REF!</v>
      </c>
      <c r="AI44" s="127" t="e">
        <v>#REF!</v>
      </c>
      <c r="AJ44" s="125" t="e">
        <v>#REF!</v>
      </c>
      <c r="AK44" s="126" t="e">
        <v>#REF!</v>
      </c>
      <c r="AL44" s="125" t="e">
        <v>#REF!</v>
      </c>
      <c r="AM44" s="124" t="e">
        <v>#REF!</v>
      </c>
    </row>
    <row r="45" spans="1:39" ht="18.75" customHeight="1" thickTop="1" thickBot="1" x14ac:dyDescent="0.25">
      <c r="A45" s="273" t="s">
        <v>47</v>
      </c>
      <c r="B45" s="274"/>
      <c r="C45" s="123">
        <v>1784072</v>
      </c>
      <c r="D45" s="123">
        <v>30156</v>
      </c>
      <c r="E45" s="117">
        <v>1.69</v>
      </c>
      <c r="F45" s="123">
        <v>35830</v>
      </c>
      <c r="G45" s="117">
        <v>2.0099999999999998</v>
      </c>
      <c r="H45" s="123">
        <v>39681</v>
      </c>
      <c r="I45" s="117">
        <v>2.2200000000000002</v>
      </c>
      <c r="J45" s="123">
        <v>46018</v>
      </c>
      <c r="K45" s="117">
        <v>2.58</v>
      </c>
      <c r="L45" s="123">
        <v>66080</v>
      </c>
      <c r="M45" s="117">
        <v>3.7</v>
      </c>
      <c r="N45" s="123">
        <v>67542</v>
      </c>
      <c r="O45" s="117">
        <v>3.79</v>
      </c>
      <c r="P45" s="123">
        <v>70291</v>
      </c>
      <c r="Q45" s="117">
        <v>3.94</v>
      </c>
      <c r="R45" s="123">
        <v>82318</v>
      </c>
      <c r="S45" s="117">
        <v>4.6100000000000003</v>
      </c>
      <c r="T45" s="123">
        <v>93524</v>
      </c>
      <c r="U45" s="117">
        <v>5.24</v>
      </c>
      <c r="V45" s="123">
        <v>116952</v>
      </c>
      <c r="W45" s="117">
        <v>6.56</v>
      </c>
      <c r="X45" s="123">
        <v>115289</v>
      </c>
      <c r="Y45" s="117">
        <v>6.46</v>
      </c>
      <c r="Z45" s="123">
        <v>110355</v>
      </c>
      <c r="AA45" s="117">
        <v>6.19</v>
      </c>
      <c r="AB45" s="123">
        <v>150211</v>
      </c>
      <c r="AC45" s="117">
        <v>8.42</v>
      </c>
      <c r="AD45" s="123">
        <v>302699</v>
      </c>
      <c r="AE45" s="117">
        <v>16.97</v>
      </c>
      <c r="AF45" s="123">
        <v>457126</v>
      </c>
      <c r="AG45" s="115">
        <v>25.62</v>
      </c>
      <c r="AH45" s="122" t="e">
        <v>#REF!</v>
      </c>
      <c r="AI45" s="121" t="e">
        <v>#REF!</v>
      </c>
      <c r="AJ45" s="119" t="e">
        <v>#REF!</v>
      </c>
      <c r="AK45" s="120" t="e">
        <v>#REF!</v>
      </c>
      <c r="AL45" s="119" t="e">
        <v>#REF!</v>
      </c>
      <c r="AM45" s="118" t="e">
        <v>#REF!</v>
      </c>
    </row>
    <row r="46" spans="1:39" ht="18.75" customHeight="1" thickTop="1" thickBot="1" x14ac:dyDescent="0.25">
      <c r="A46" s="273" t="s">
        <v>80</v>
      </c>
      <c r="B46" s="274"/>
      <c r="C46" s="116">
        <v>132670</v>
      </c>
      <c r="D46" s="116">
        <v>6264</v>
      </c>
      <c r="E46" s="117">
        <v>4.72</v>
      </c>
      <c r="F46" s="116">
        <v>7203</v>
      </c>
      <c r="G46" s="117">
        <v>5.43</v>
      </c>
      <c r="H46" s="116">
        <v>7916</v>
      </c>
      <c r="I46" s="117">
        <v>5.97</v>
      </c>
      <c r="J46" s="116">
        <v>8086</v>
      </c>
      <c r="K46" s="117">
        <v>6.09</v>
      </c>
      <c r="L46" s="116">
        <v>8055</v>
      </c>
      <c r="M46" s="117">
        <v>6.07</v>
      </c>
      <c r="N46" s="116">
        <v>7377</v>
      </c>
      <c r="O46" s="117">
        <v>5.56</v>
      </c>
      <c r="P46" s="116">
        <v>7701</v>
      </c>
      <c r="Q46" s="117">
        <v>5.8</v>
      </c>
      <c r="R46" s="116">
        <v>9190</v>
      </c>
      <c r="S46" s="117">
        <v>6.93</v>
      </c>
      <c r="T46" s="116">
        <v>11075</v>
      </c>
      <c r="U46" s="117">
        <v>8.35</v>
      </c>
      <c r="V46" s="116">
        <v>13986</v>
      </c>
      <c r="W46" s="117">
        <v>10.54</v>
      </c>
      <c r="X46" s="116">
        <v>12510</v>
      </c>
      <c r="Y46" s="117">
        <v>9.43</v>
      </c>
      <c r="Z46" s="116">
        <v>9622</v>
      </c>
      <c r="AA46" s="117">
        <v>7.25</v>
      </c>
      <c r="AB46" s="116">
        <v>8075</v>
      </c>
      <c r="AC46" s="117">
        <v>6.09</v>
      </c>
      <c r="AD46" s="116">
        <v>8177</v>
      </c>
      <c r="AE46" s="117">
        <v>6.16</v>
      </c>
      <c r="AF46" s="116">
        <v>7433</v>
      </c>
      <c r="AG46" s="115">
        <v>5.6</v>
      </c>
      <c r="AH46" s="114" t="e">
        <v>#REF!</v>
      </c>
      <c r="AI46" s="113" t="e">
        <v>#REF!</v>
      </c>
      <c r="AJ46" s="111" t="e">
        <v>#REF!</v>
      </c>
      <c r="AK46" s="112" t="e">
        <v>#REF!</v>
      </c>
      <c r="AL46" s="111" t="e">
        <v>#REF!</v>
      </c>
      <c r="AM46" s="110" t="e">
        <v>#REF!</v>
      </c>
    </row>
    <row r="47" spans="1:39" ht="18.75" customHeight="1" thickTop="1" thickBot="1" x14ac:dyDescent="0.25">
      <c r="A47" s="263" t="s">
        <v>79</v>
      </c>
      <c r="B47" s="264"/>
      <c r="C47" s="108">
        <v>1916742</v>
      </c>
      <c r="D47" s="108">
        <v>36420</v>
      </c>
      <c r="E47" s="109">
        <v>1.9</v>
      </c>
      <c r="F47" s="108">
        <v>43033</v>
      </c>
      <c r="G47" s="109">
        <v>2.25</v>
      </c>
      <c r="H47" s="108">
        <v>47597</v>
      </c>
      <c r="I47" s="109">
        <v>2.48</v>
      </c>
      <c r="J47" s="108">
        <v>54104</v>
      </c>
      <c r="K47" s="109">
        <v>2.82</v>
      </c>
      <c r="L47" s="108">
        <v>74135</v>
      </c>
      <c r="M47" s="109">
        <v>3.87</v>
      </c>
      <c r="N47" s="108">
        <v>74919</v>
      </c>
      <c r="O47" s="109">
        <v>3.91</v>
      </c>
      <c r="P47" s="108">
        <v>77992</v>
      </c>
      <c r="Q47" s="109">
        <v>4.07</v>
      </c>
      <c r="R47" s="108">
        <v>91508</v>
      </c>
      <c r="S47" s="109">
        <v>4.7699999999999996</v>
      </c>
      <c r="T47" s="108">
        <v>104599</v>
      </c>
      <c r="U47" s="109">
        <v>5.46</v>
      </c>
      <c r="V47" s="108">
        <v>130938</v>
      </c>
      <c r="W47" s="109">
        <v>6.83</v>
      </c>
      <c r="X47" s="108">
        <v>127799</v>
      </c>
      <c r="Y47" s="109">
        <v>6.67</v>
      </c>
      <c r="Z47" s="108">
        <v>119977</v>
      </c>
      <c r="AA47" s="109">
        <v>6.26</v>
      </c>
      <c r="AB47" s="108">
        <v>158286</v>
      </c>
      <c r="AC47" s="109">
        <v>8.26</v>
      </c>
      <c r="AD47" s="108">
        <v>310876</v>
      </c>
      <c r="AE47" s="109">
        <v>16.22</v>
      </c>
      <c r="AF47" s="108">
        <v>464559</v>
      </c>
      <c r="AG47" s="107">
        <v>24.24</v>
      </c>
      <c r="AH47" s="106" t="e">
        <v>#REF!</v>
      </c>
      <c r="AI47" s="105" t="e">
        <v>#REF!</v>
      </c>
      <c r="AJ47" s="103" t="e">
        <v>#REF!</v>
      </c>
      <c r="AK47" s="104" t="e">
        <v>#REF!</v>
      </c>
      <c r="AL47" s="103" t="e">
        <v>#REF!</v>
      </c>
      <c r="AM47" s="102" t="e">
        <v>#REF!</v>
      </c>
    </row>
    <row r="48" spans="1:39" x14ac:dyDescent="0.15">
      <c r="Q48" s="101"/>
    </row>
    <row r="49" spans="1:17" x14ac:dyDescent="0.15">
      <c r="Q49" s="101"/>
    </row>
    <row r="50" spans="1:17" x14ac:dyDescent="0.15">
      <c r="A50" s="239"/>
      <c r="Q50" s="101"/>
    </row>
    <row r="51" spans="1:17" x14ac:dyDescent="0.15">
      <c r="Q51" s="101"/>
    </row>
    <row r="52" spans="1:17" ht="18" hidden="1" customHeight="1" x14ac:dyDescent="0.15">
      <c r="Q52" s="101"/>
    </row>
    <row r="53" spans="1:17" hidden="1" x14ac:dyDescent="0.15">
      <c r="Q53" s="101"/>
    </row>
    <row r="54" spans="1:17" hidden="1" x14ac:dyDescent="0.15">
      <c r="Q54" s="101"/>
    </row>
    <row r="55" spans="1:17" hidden="1" x14ac:dyDescent="0.15">
      <c r="Q55" s="101"/>
    </row>
    <row r="56" spans="1:17" hidden="1" x14ac:dyDescent="0.15">
      <c r="Q56" s="101"/>
    </row>
    <row r="57" spans="1:17" hidden="1" x14ac:dyDescent="0.15">
      <c r="Q57" s="101"/>
    </row>
    <row r="58" spans="1:17" hidden="1" x14ac:dyDescent="0.15">
      <c r="Q58" s="101"/>
    </row>
    <row r="59" spans="1:17" hidden="1" x14ac:dyDescent="0.15">
      <c r="Q59" s="101"/>
    </row>
    <row r="60" spans="1:17" hidden="1" x14ac:dyDescent="0.15">
      <c r="Q60" s="101"/>
    </row>
    <row r="61" spans="1:17" hidden="1" x14ac:dyDescent="0.15">
      <c r="Q61" s="101"/>
    </row>
    <row r="62" spans="1:17" hidden="1" x14ac:dyDescent="0.15">
      <c r="Q62" s="101"/>
    </row>
    <row r="63" spans="1:17" hidden="1" x14ac:dyDescent="0.15">
      <c r="Q63" s="101"/>
    </row>
    <row r="64" spans="1:17" hidden="1" x14ac:dyDescent="0.15">
      <c r="Q64" s="101"/>
    </row>
    <row r="65" spans="17:17" hidden="1" x14ac:dyDescent="0.15">
      <c r="Q65" s="101"/>
    </row>
    <row r="66" spans="17:17" hidden="1" x14ac:dyDescent="0.15">
      <c r="Q66" s="101"/>
    </row>
    <row r="67" spans="17:17" hidden="1" x14ac:dyDescent="0.15">
      <c r="Q67" s="101"/>
    </row>
    <row r="68" spans="17:17" hidden="1" x14ac:dyDescent="0.15">
      <c r="Q68" s="101"/>
    </row>
    <row r="69" spans="17:17" hidden="1" x14ac:dyDescent="0.15">
      <c r="Q69" s="101"/>
    </row>
    <row r="70" spans="17:17" hidden="1" x14ac:dyDescent="0.15">
      <c r="Q70" s="101"/>
    </row>
    <row r="71" spans="17:17" hidden="1" x14ac:dyDescent="0.15">
      <c r="Q71" s="101"/>
    </row>
    <row r="72" spans="17:17" hidden="1" x14ac:dyDescent="0.15">
      <c r="Q72" s="101"/>
    </row>
    <row r="73" spans="17:17" hidden="1" x14ac:dyDescent="0.15">
      <c r="Q73" s="101"/>
    </row>
    <row r="74" spans="17:17" hidden="1" x14ac:dyDescent="0.15">
      <c r="Q74" s="101"/>
    </row>
    <row r="75" spans="17:17" hidden="1" x14ac:dyDescent="0.15">
      <c r="Q75" s="101"/>
    </row>
    <row r="76" spans="17:17" hidden="1" x14ac:dyDescent="0.15">
      <c r="Q76" s="101"/>
    </row>
    <row r="77" spans="17:17" hidden="1" x14ac:dyDescent="0.15">
      <c r="Q77" s="101"/>
    </row>
    <row r="78" spans="17:17" hidden="1" x14ac:dyDescent="0.15">
      <c r="Q78" s="101"/>
    </row>
    <row r="79" spans="17:17" hidden="1" x14ac:dyDescent="0.15">
      <c r="Q79" s="101"/>
    </row>
    <row r="80" spans="17:17" hidden="1" x14ac:dyDescent="0.15">
      <c r="Q80" s="101"/>
    </row>
    <row r="81" spans="17:17" hidden="1" x14ac:dyDescent="0.15">
      <c r="Q81" s="101"/>
    </row>
    <row r="82" spans="17:17" hidden="1" x14ac:dyDescent="0.15">
      <c r="Q82" s="101"/>
    </row>
    <row r="83" spans="17:17" hidden="1" x14ac:dyDescent="0.15">
      <c r="Q83" s="101"/>
    </row>
    <row r="84" spans="17:17" hidden="1" x14ac:dyDescent="0.15">
      <c r="Q84" s="101"/>
    </row>
    <row r="85" spans="17:17" hidden="1" x14ac:dyDescent="0.15">
      <c r="Q85" s="101"/>
    </row>
    <row r="86" spans="17:17" hidden="1" x14ac:dyDescent="0.15">
      <c r="Q86" s="101"/>
    </row>
    <row r="87" spans="17:17" hidden="1" x14ac:dyDescent="0.15">
      <c r="Q87" s="101"/>
    </row>
    <row r="88" spans="17:17" hidden="1" x14ac:dyDescent="0.15">
      <c r="Q88" s="101"/>
    </row>
    <row r="89" spans="17:17" hidden="1" x14ac:dyDescent="0.15">
      <c r="Q89" s="101"/>
    </row>
    <row r="90" spans="17:17" hidden="1" x14ac:dyDescent="0.15">
      <c r="Q90" s="101"/>
    </row>
    <row r="91" spans="17:17" hidden="1" x14ac:dyDescent="0.15">
      <c r="Q91" s="101"/>
    </row>
    <row r="92" spans="17:17" hidden="1" x14ac:dyDescent="0.15">
      <c r="Q92" s="101"/>
    </row>
    <row r="93" spans="17:17" hidden="1" x14ac:dyDescent="0.15">
      <c r="Q93" s="101"/>
    </row>
    <row r="94" spans="17:17" hidden="1" x14ac:dyDescent="0.15">
      <c r="Q94" s="101"/>
    </row>
    <row r="95" spans="17:17" hidden="1" x14ac:dyDescent="0.15">
      <c r="Q95" s="101"/>
    </row>
    <row r="96" spans="17:17" x14ac:dyDescent="0.15">
      <c r="Q96" s="101"/>
    </row>
    <row r="97" spans="1:17" x14ac:dyDescent="0.15">
      <c r="Q97" s="101"/>
    </row>
    <row r="98" spans="1:17" x14ac:dyDescent="0.15">
      <c r="Q98" s="101"/>
    </row>
    <row r="99" spans="1:17" x14ac:dyDescent="0.15">
      <c r="Q99" s="101"/>
    </row>
    <row r="100" spans="1:17" x14ac:dyDescent="0.15">
      <c r="A100" s="239"/>
      <c r="Q100" s="101"/>
    </row>
    <row r="101" spans="1:17" x14ac:dyDescent="0.15">
      <c r="Q101" s="101"/>
    </row>
    <row r="102" spans="1:17" x14ac:dyDescent="0.15">
      <c r="Q102" s="101"/>
    </row>
    <row r="103" spans="1:17" x14ac:dyDescent="0.15">
      <c r="Q103" s="101"/>
    </row>
    <row r="104" spans="1:17" x14ac:dyDescent="0.15">
      <c r="Q104" s="101"/>
    </row>
    <row r="105" spans="1:17" x14ac:dyDescent="0.15">
      <c r="Q105" s="101"/>
    </row>
    <row r="106" spans="1:17" x14ac:dyDescent="0.15">
      <c r="Q106" s="101"/>
    </row>
    <row r="107" spans="1:17" x14ac:dyDescent="0.15">
      <c r="Q107" s="101"/>
    </row>
    <row r="108" spans="1:17" x14ac:dyDescent="0.15">
      <c r="Q108" s="101"/>
    </row>
    <row r="109" spans="1:17" x14ac:dyDescent="0.15">
      <c r="Q109" s="101"/>
    </row>
    <row r="110" spans="1:17" x14ac:dyDescent="0.15">
      <c r="Q110" s="101"/>
    </row>
    <row r="111" spans="1:17" x14ac:dyDescent="0.15">
      <c r="Q111" s="101"/>
    </row>
    <row r="112" spans="1:17" x14ac:dyDescent="0.15">
      <c r="Q112" s="101"/>
    </row>
    <row r="113" spans="17:17" x14ac:dyDescent="0.15">
      <c r="Q113" s="101"/>
    </row>
    <row r="114" spans="17:17" x14ac:dyDescent="0.15">
      <c r="Q114" s="101"/>
    </row>
    <row r="115" spans="17:17" x14ac:dyDescent="0.15">
      <c r="Q115" s="101"/>
    </row>
    <row r="116" spans="17:17" x14ac:dyDescent="0.15">
      <c r="Q116" s="101"/>
    </row>
    <row r="117" spans="17:17" x14ac:dyDescent="0.15">
      <c r="Q117" s="101"/>
    </row>
    <row r="118" spans="17:17" x14ac:dyDescent="0.15">
      <c r="Q118" s="101"/>
    </row>
    <row r="119" spans="17:17" x14ac:dyDescent="0.15">
      <c r="Q119" s="101"/>
    </row>
    <row r="120" spans="17:17" x14ac:dyDescent="0.15">
      <c r="Q120" s="101"/>
    </row>
    <row r="121" spans="17:17" x14ac:dyDescent="0.15">
      <c r="Q121" s="101"/>
    </row>
    <row r="122" spans="17:17" x14ac:dyDescent="0.15">
      <c r="Q122" s="101"/>
    </row>
    <row r="123" spans="17:17" x14ac:dyDescent="0.15">
      <c r="Q123" s="101"/>
    </row>
    <row r="124" spans="17:17" x14ac:dyDescent="0.15">
      <c r="Q124" s="101"/>
    </row>
    <row r="125" spans="17:17" x14ac:dyDescent="0.15">
      <c r="Q125" s="101"/>
    </row>
    <row r="126" spans="17:17" x14ac:dyDescent="0.15">
      <c r="Q126" s="101"/>
    </row>
    <row r="127" spans="17:17" x14ac:dyDescent="0.15">
      <c r="Q127" s="101"/>
    </row>
    <row r="128" spans="17:17" x14ac:dyDescent="0.15">
      <c r="Q128" s="101"/>
    </row>
    <row r="129" spans="17:17" x14ac:dyDescent="0.15">
      <c r="Q129" s="101"/>
    </row>
    <row r="130" spans="17:17" x14ac:dyDescent="0.15">
      <c r="Q130" s="101"/>
    </row>
    <row r="131" spans="17:17" x14ac:dyDescent="0.15">
      <c r="Q131" s="101"/>
    </row>
    <row r="132" spans="17:17" x14ac:dyDescent="0.15">
      <c r="Q132" s="101"/>
    </row>
    <row r="133" spans="17:17" x14ac:dyDescent="0.15">
      <c r="Q133" s="101"/>
    </row>
    <row r="134" spans="17:17" x14ac:dyDescent="0.15">
      <c r="Q134" s="101"/>
    </row>
    <row r="135" spans="17:17" x14ac:dyDescent="0.15">
      <c r="Q135" s="101"/>
    </row>
    <row r="136" spans="17:17" x14ac:dyDescent="0.15">
      <c r="Q136" s="101"/>
    </row>
    <row r="137" spans="17:17" x14ac:dyDescent="0.15">
      <c r="Q137" s="101"/>
    </row>
    <row r="138" spans="17:17" x14ac:dyDescent="0.15">
      <c r="Q138" s="101"/>
    </row>
    <row r="139" spans="17:17" x14ac:dyDescent="0.15">
      <c r="Q139" s="101"/>
    </row>
    <row r="140" spans="17:17" x14ac:dyDescent="0.15">
      <c r="Q140" s="101"/>
    </row>
    <row r="141" spans="17:17" x14ac:dyDescent="0.15">
      <c r="Q141" s="101"/>
    </row>
    <row r="142" spans="17:17" x14ac:dyDescent="0.15">
      <c r="Q142" s="101"/>
    </row>
    <row r="143" spans="17:17" x14ac:dyDescent="0.15">
      <c r="Q143" s="101"/>
    </row>
    <row r="144" spans="17:17" x14ac:dyDescent="0.15">
      <c r="Q144" s="101"/>
    </row>
    <row r="145" spans="17:17" x14ac:dyDescent="0.15">
      <c r="Q145" s="101"/>
    </row>
    <row r="146" spans="17:17" x14ac:dyDescent="0.15">
      <c r="Q146" s="101"/>
    </row>
    <row r="147" spans="17:17" x14ac:dyDescent="0.15">
      <c r="Q147" s="101"/>
    </row>
    <row r="148" spans="17:17" x14ac:dyDescent="0.15">
      <c r="Q148" s="101"/>
    </row>
    <row r="149" spans="17:17" x14ac:dyDescent="0.15">
      <c r="Q149" s="101"/>
    </row>
    <row r="150" spans="17:17" x14ac:dyDescent="0.15">
      <c r="Q150" s="101"/>
    </row>
    <row r="151" spans="17:17" x14ac:dyDescent="0.15">
      <c r="Q151" s="101"/>
    </row>
    <row r="152" spans="17:17" x14ac:dyDescent="0.15">
      <c r="Q152" s="101"/>
    </row>
    <row r="153" spans="17:17" x14ac:dyDescent="0.15">
      <c r="Q153" s="101"/>
    </row>
    <row r="154" spans="17:17" x14ac:dyDescent="0.15">
      <c r="Q154" s="101"/>
    </row>
    <row r="155" spans="17:17" x14ac:dyDescent="0.15">
      <c r="Q155" s="101"/>
    </row>
    <row r="156" spans="17:17" x14ac:dyDescent="0.15">
      <c r="Q156" s="101"/>
    </row>
    <row r="157" spans="17:17" x14ac:dyDescent="0.15">
      <c r="Q157" s="101"/>
    </row>
  </sheetData>
  <mergeCells count="5">
    <mergeCell ref="A47:B47"/>
    <mergeCell ref="C3:C4"/>
    <mergeCell ref="A3:B5"/>
    <mergeCell ref="A45:B45"/>
    <mergeCell ref="A46:B46"/>
  </mergeCells>
  <phoneticPr fontId="5"/>
  <pageMargins left="0.78740157480314965" right="0.39370078740157483" top="0.78740157480314965" bottom="0.35433070866141736" header="0.19685039370078741" footer="0.19685039370078741"/>
  <pageSetup paperSize="9" scale="83" orientation="portrait" blackAndWhite="1" r:id="rId1"/>
  <headerFooter alignWithMargins="0"/>
  <colBreaks count="2" manualBreakCount="2">
    <brk id="15" max="48" man="1"/>
    <brk id="39" max="100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8"/>
  <dimension ref="A1:O179"/>
  <sheetViews>
    <sheetView zoomScaleNormal="100" zoomScaleSheetLayoutView="130" workbookViewId="0"/>
  </sheetViews>
  <sheetFormatPr defaultColWidth="9" defaultRowHeight="10.8" x14ac:dyDescent="0.15"/>
  <cols>
    <col min="1" max="1" width="3.6640625" style="3" customWidth="1"/>
    <col min="2" max="2" width="8.88671875" style="3" customWidth="1"/>
    <col min="3" max="3" width="10.33203125" style="3" customWidth="1"/>
    <col min="4" max="4" width="3.6640625" style="3" customWidth="1"/>
    <col min="5" max="5" width="6" style="3" bestFit="1" customWidth="1"/>
    <col min="6" max="6" width="7.44140625" style="3" bestFit="1" customWidth="1"/>
    <col min="7" max="7" width="3.6640625" style="3" customWidth="1"/>
    <col min="8" max="8" width="6" style="3" bestFit="1" customWidth="1"/>
    <col min="9" max="9" width="7.44140625" style="3" bestFit="1" customWidth="1"/>
    <col min="10" max="10" width="3.6640625" style="3" customWidth="1"/>
    <col min="11" max="11" width="6" style="3" bestFit="1" customWidth="1"/>
    <col min="12" max="12" width="7.88671875" style="5" bestFit="1" customWidth="1"/>
    <col min="13" max="13" width="3.6640625" style="3" customWidth="1"/>
    <col min="14" max="14" width="6.6640625" style="3" customWidth="1"/>
    <col min="15" max="16384" width="9" style="3"/>
  </cols>
  <sheetData>
    <row r="1" spans="1:15" s="4" customFormat="1" ht="14.1" customHeight="1" x14ac:dyDescent="0.2">
      <c r="A1" s="192" t="s">
        <v>67</v>
      </c>
      <c r="B1" s="24"/>
      <c r="C1" s="24"/>
      <c r="D1" s="24"/>
      <c r="E1" s="24"/>
      <c r="F1" s="24"/>
      <c r="G1" s="24"/>
      <c r="H1" s="24"/>
      <c r="I1" s="24"/>
      <c r="J1" s="24"/>
      <c r="K1" s="24"/>
      <c r="L1" s="240"/>
      <c r="M1" s="24"/>
      <c r="N1" s="24"/>
    </row>
    <row r="2" spans="1:15" s="4" customFormat="1" ht="10.5" customHeight="1" thickBot="1" x14ac:dyDescent="0.25">
      <c r="A2" s="24"/>
      <c r="B2" s="24"/>
      <c r="C2" s="24"/>
      <c r="D2" s="24"/>
      <c r="E2" s="24"/>
      <c r="F2" s="24"/>
      <c r="G2" s="24"/>
      <c r="H2" s="24"/>
      <c r="I2" s="24"/>
      <c r="J2" s="24"/>
      <c r="K2" s="24"/>
      <c r="L2" s="240"/>
      <c r="M2" s="24"/>
      <c r="N2" s="24"/>
    </row>
    <row r="3" spans="1:15" s="17" customFormat="1" ht="15" customHeight="1" x14ac:dyDescent="0.15">
      <c r="A3" s="279" t="s">
        <v>0</v>
      </c>
      <c r="B3" s="280"/>
      <c r="C3" s="285" t="s">
        <v>65</v>
      </c>
      <c r="D3" s="285"/>
      <c r="E3" s="285"/>
      <c r="F3" s="285" t="s">
        <v>1</v>
      </c>
      <c r="G3" s="285"/>
      <c r="H3" s="285"/>
      <c r="I3" s="285" t="s">
        <v>64</v>
      </c>
      <c r="J3" s="285"/>
      <c r="K3" s="285"/>
      <c r="L3" s="285" t="s">
        <v>50</v>
      </c>
      <c r="M3" s="285"/>
      <c r="N3" s="286"/>
    </row>
    <row r="4" spans="1:15" s="17" customFormat="1" ht="12.75" customHeight="1" x14ac:dyDescent="0.15">
      <c r="A4" s="281"/>
      <c r="B4" s="282"/>
      <c r="C4" s="97" t="s">
        <v>4</v>
      </c>
      <c r="D4" s="97" t="s">
        <v>3</v>
      </c>
      <c r="E4" s="96" t="s">
        <v>77</v>
      </c>
      <c r="F4" s="97" t="s">
        <v>4</v>
      </c>
      <c r="G4" s="97" t="s">
        <v>3</v>
      </c>
      <c r="H4" s="96" t="s">
        <v>78</v>
      </c>
      <c r="I4" s="97" t="s">
        <v>4</v>
      </c>
      <c r="J4" s="97" t="s">
        <v>3</v>
      </c>
      <c r="K4" s="96" t="s">
        <v>78</v>
      </c>
      <c r="L4" s="98" t="s">
        <v>58</v>
      </c>
      <c r="M4" s="97" t="s">
        <v>3</v>
      </c>
      <c r="N4" s="99" t="s">
        <v>78</v>
      </c>
      <c r="O4" s="37"/>
    </row>
    <row r="5" spans="1:15" s="89" customFormat="1" ht="12.75" customHeight="1" x14ac:dyDescent="0.15">
      <c r="A5" s="281"/>
      <c r="B5" s="282"/>
      <c r="C5" s="191" t="s">
        <v>5</v>
      </c>
      <c r="D5" s="191" t="s">
        <v>6</v>
      </c>
      <c r="E5" s="191" t="s">
        <v>7</v>
      </c>
      <c r="F5" s="191" t="s">
        <v>5</v>
      </c>
      <c r="G5" s="191" t="s">
        <v>6</v>
      </c>
      <c r="H5" s="191" t="s">
        <v>7</v>
      </c>
      <c r="I5" s="191" t="s">
        <v>5</v>
      </c>
      <c r="J5" s="191" t="s">
        <v>6</v>
      </c>
      <c r="K5" s="191" t="s">
        <v>7</v>
      </c>
      <c r="L5" s="241" t="s">
        <v>8</v>
      </c>
      <c r="M5" s="191" t="s">
        <v>6</v>
      </c>
      <c r="N5" s="242" t="s">
        <v>7</v>
      </c>
    </row>
    <row r="6" spans="1:15" ht="18" customHeight="1" x14ac:dyDescent="0.15">
      <c r="A6" s="243">
        <v>1</v>
      </c>
      <c r="B6" s="208" t="s">
        <v>9</v>
      </c>
      <c r="C6" s="244">
        <v>100</v>
      </c>
      <c r="D6" s="222">
        <v>1</v>
      </c>
      <c r="E6" s="244">
        <v>0</v>
      </c>
      <c r="F6" s="244">
        <v>0</v>
      </c>
      <c r="G6" s="222">
        <v>2</v>
      </c>
      <c r="H6" s="245">
        <v>0</v>
      </c>
      <c r="I6" s="244">
        <v>42.5</v>
      </c>
      <c r="J6" s="222">
        <v>27</v>
      </c>
      <c r="K6" s="245">
        <v>0.43</v>
      </c>
      <c r="L6" s="246">
        <v>1487</v>
      </c>
      <c r="M6" s="222">
        <v>21</v>
      </c>
      <c r="N6" s="247">
        <v>-20</v>
      </c>
    </row>
    <row r="7" spans="1:15" ht="18" customHeight="1" x14ac:dyDescent="0.15">
      <c r="A7" s="41">
        <v>2</v>
      </c>
      <c r="B7" s="21" t="s">
        <v>10</v>
      </c>
      <c r="C7" s="38">
        <v>100</v>
      </c>
      <c r="D7" s="8">
        <v>1</v>
      </c>
      <c r="E7" s="38">
        <v>0</v>
      </c>
      <c r="F7" s="38">
        <v>0</v>
      </c>
      <c r="G7" s="8">
        <v>2</v>
      </c>
      <c r="H7" s="39">
        <v>0</v>
      </c>
      <c r="I7" s="38">
        <v>37.26</v>
      </c>
      <c r="J7" s="8">
        <v>33</v>
      </c>
      <c r="K7" s="39">
        <v>0.49</v>
      </c>
      <c r="L7" s="40">
        <v>1691</v>
      </c>
      <c r="M7" s="8">
        <v>14</v>
      </c>
      <c r="N7" s="42">
        <v>-57</v>
      </c>
    </row>
    <row r="8" spans="1:15" ht="18" customHeight="1" x14ac:dyDescent="0.15">
      <c r="A8" s="41">
        <v>3</v>
      </c>
      <c r="B8" s="21" t="s">
        <v>11</v>
      </c>
      <c r="C8" s="38">
        <v>100</v>
      </c>
      <c r="D8" s="8">
        <v>1</v>
      </c>
      <c r="E8" s="38">
        <v>0.01</v>
      </c>
      <c r="F8" s="38">
        <v>0</v>
      </c>
      <c r="G8" s="8">
        <v>2</v>
      </c>
      <c r="H8" s="39">
        <v>-0.01</v>
      </c>
      <c r="I8" s="38">
        <v>47.09</v>
      </c>
      <c r="J8" s="8">
        <v>13</v>
      </c>
      <c r="K8" s="39">
        <v>0.38</v>
      </c>
      <c r="L8" s="40">
        <v>2048</v>
      </c>
      <c r="M8" s="8">
        <v>8</v>
      </c>
      <c r="N8" s="42">
        <v>51</v>
      </c>
    </row>
    <row r="9" spans="1:15" ht="18" customHeight="1" x14ac:dyDescent="0.15">
      <c r="A9" s="41">
        <v>4</v>
      </c>
      <c r="B9" s="21" t="s">
        <v>12</v>
      </c>
      <c r="C9" s="38">
        <v>100</v>
      </c>
      <c r="D9" s="8">
        <v>1</v>
      </c>
      <c r="E9" s="38">
        <v>0</v>
      </c>
      <c r="F9" s="38">
        <v>0</v>
      </c>
      <c r="G9" s="8">
        <v>2</v>
      </c>
      <c r="H9" s="39">
        <v>0</v>
      </c>
      <c r="I9" s="38">
        <v>46.01</v>
      </c>
      <c r="J9" s="8">
        <v>17</v>
      </c>
      <c r="K9" s="39">
        <v>0.74</v>
      </c>
      <c r="L9" s="40">
        <v>2052</v>
      </c>
      <c r="M9" s="8">
        <v>7</v>
      </c>
      <c r="N9" s="42">
        <v>107</v>
      </c>
    </row>
    <row r="10" spans="1:15" ht="18" customHeight="1" x14ac:dyDescent="0.15">
      <c r="A10" s="41">
        <v>5</v>
      </c>
      <c r="B10" s="21" t="s">
        <v>13</v>
      </c>
      <c r="C10" s="38">
        <v>99.99</v>
      </c>
      <c r="D10" s="8">
        <v>33</v>
      </c>
      <c r="E10" s="38">
        <v>0</v>
      </c>
      <c r="F10" s="38">
        <v>0.01</v>
      </c>
      <c r="G10" s="8">
        <v>1</v>
      </c>
      <c r="H10" s="39">
        <v>0</v>
      </c>
      <c r="I10" s="38">
        <v>43.79</v>
      </c>
      <c r="J10" s="8">
        <v>24</v>
      </c>
      <c r="K10" s="39">
        <v>-0.33</v>
      </c>
      <c r="L10" s="40">
        <v>2259</v>
      </c>
      <c r="M10" s="8">
        <v>5</v>
      </c>
      <c r="N10" s="42">
        <v>-27</v>
      </c>
    </row>
    <row r="11" spans="1:15" ht="18" customHeight="1" x14ac:dyDescent="0.15">
      <c r="A11" s="41">
        <v>6</v>
      </c>
      <c r="B11" s="21" t="s">
        <v>14</v>
      </c>
      <c r="C11" s="38">
        <v>100</v>
      </c>
      <c r="D11" s="8">
        <v>1</v>
      </c>
      <c r="E11" s="38">
        <v>0</v>
      </c>
      <c r="F11" s="38">
        <v>0</v>
      </c>
      <c r="G11" s="8">
        <v>2</v>
      </c>
      <c r="H11" s="39">
        <v>0</v>
      </c>
      <c r="I11" s="38">
        <v>41.66</v>
      </c>
      <c r="J11" s="8">
        <v>30</v>
      </c>
      <c r="K11" s="39">
        <v>-0.12</v>
      </c>
      <c r="L11" s="40">
        <v>2792</v>
      </c>
      <c r="M11" s="8">
        <v>1</v>
      </c>
      <c r="N11" s="42">
        <v>636</v>
      </c>
    </row>
    <row r="12" spans="1:15" ht="18" customHeight="1" x14ac:dyDescent="0.15">
      <c r="A12" s="41">
        <v>7</v>
      </c>
      <c r="B12" s="21" t="s">
        <v>15</v>
      </c>
      <c r="C12" s="38">
        <v>100</v>
      </c>
      <c r="D12" s="8">
        <v>1</v>
      </c>
      <c r="E12" s="38">
        <v>0.02</v>
      </c>
      <c r="F12" s="38">
        <v>0</v>
      </c>
      <c r="G12" s="8">
        <v>2</v>
      </c>
      <c r="H12" s="39">
        <v>-0.02</v>
      </c>
      <c r="I12" s="38">
        <v>46.93</v>
      </c>
      <c r="J12" s="8">
        <v>14</v>
      </c>
      <c r="K12" s="39">
        <v>0.37</v>
      </c>
      <c r="L12" s="40">
        <v>1678</v>
      </c>
      <c r="M12" s="8">
        <v>15</v>
      </c>
      <c r="N12" s="42">
        <v>-22</v>
      </c>
    </row>
    <row r="13" spans="1:15" ht="18" customHeight="1" x14ac:dyDescent="0.15">
      <c r="A13" s="41">
        <v>8</v>
      </c>
      <c r="B13" s="21" t="s">
        <v>16</v>
      </c>
      <c r="C13" s="38">
        <v>100</v>
      </c>
      <c r="D13" s="8">
        <v>1</v>
      </c>
      <c r="E13" s="38">
        <v>0</v>
      </c>
      <c r="F13" s="38">
        <v>0</v>
      </c>
      <c r="G13" s="8">
        <v>2</v>
      </c>
      <c r="H13" s="39">
        <v>0</v>
      </c>
      <c r="I13" s="38">
        <v>44.21</v>
      </c>
      <c r="J13" s="8">
        <v>22</v>
      </c>
      <c r="K13" s="39">
        <v>0.22</v>
      </c>
      <c r="L13" s="40">
        <v>1885</v>
      </c>
      <c r="M13" s="8">
        <v>10</v>
      </c>
      <c r="N13" s="42">
        <v>49</v>
      </c>
    </row>
    <row r="14" spans="1:15" ht="18" customHeight="1" x14ac:dyDescent="0.15">
      <c r="A14" s="41">
        <v>9</v>
      </c>
      <c r="B14" s="21" t="s">
        <v>17</v>
      </c>
      <c r="C14" s="38">
        <v>100</v>
      </c>
      <c r="D14" s="8">
        <v>1</v>
      </c>
      <c r="E14" s="38">
        <v>0.01</v>
      </c>
      <c r="F14" s="38">
        <v>0</v>
      </c>
      <c r="G14" s="8">
        <v>2</v>
      </c>
      <c r="H14" s="39">
        <v>-0.01</v>
      </c>
      <c r="I14" s="38">
        <v>43.56</v>
      </c>
      <c r="J14" s="8">
        <v>25</v>
      </c>
      <c r="K14" s="39">
        <v>0.05</v>
      </c>
      <c r="L14" s="40">
        <v>1585</v>
      </c>
      <c r="M14" s="8">
        <v>17</v>
      </c>
      <c r="N14" s="42">
        <v>-16</v>
      </c>
    </row>
    <row r="15" spans="1:15" ht="18" customHeight="1" x14ac:dyDescent="0.15">
      <c r="A15" s="41">
        <v>10</v>
      </c>
      <c r="B15" s="21" t="s">
        <v>18</v>
      </c>
      <c r="C15" s="38">
        <v>100</v>
      </c>
      <c r="D15" s="8">
        <v>1</v>
      </c>
      <c r="E15" s="38">
        <v>0</v>
      </c>
      <c r="F15" s="38">
        <v>0</v>
      </c>
      <c r="G15" s="8">
        <v>2</v>
      </c>
      <c r="H15" s="39">
        <v>0</v>
      </c>
      <c r="I15" s="38">
        <v>42.92</v>
      </c>
      <c r="J15" s="8">
        <v>26</v>
      </c>
      <c r="K15" s="39">
        <v>0.54</v>
      </c>
      <c r="L15" s="40">
        <v>2474</v>
      </c>
      <c r="M15" s="8">
        <v>3</v>
      </c>
      <c r="N15" s="42">
        <v>-125</v>
      </c>
    </row>
    <row r="16" spans="1:15" ht="18" customHeight="1" x14ac:dyDescent="0.15">
      <c r="A16" s="41">
        <v>11</v>
      </c>
      <c r="B16" s="21" t="s">
        <v>19</v>
      </c>
      <c r="C16" s="38">
        <v>100</v>
      </c>
      <c r="D16" s="8">
        <v>1</v>
      </c>
      <c r="E16" s="38">
        <v>0.02</v>
      </c>
      <c r="F16" s="38">
        <v>0</v>
      </c>
      <c r="G16" s="8">
        <v>2</v>
      </c>
      <c r="H16" s="39">
        <v>-0.02</v>
      </c>
      <c r="I16" s="38">
        <v>45.45</v>
      </c>
      <c r="J16" s="8">
        <v>20</v>
      </c>
      <c r="K16" s="39">
        <v>0.86</v>
      </c>
      <c r="L16" s="40">
        <v>1387</v>
      </c>
      <c r="M16" s="8">
        <v>24</v>
      </c>
      <c r="N16" s="42">
        <v>-24</v>
      </c>
    </row>
    <row r="17" spans="1:14" ht="18" customHeight="1" x14ac:dyDescent="0.15">
      <c r="A17" s="41">
        <v>12</v>
      </c>
      <c r="B17" s="21" t="s">
        <v>20</v>
      </c>
      <c r="C17" s="38">
        <v>100</v>
      </c>
      <c r="D17" s="8">
        <v>1</v>
      </c>
      <c r="E17" s="38">
        <v>0.01</v>
      </c>
      <c r="F17" s="38">
        <v>0</v>
      </c>
      <c r="G17" s="8">
        <v>2</v>
      </c>
      <c r="H17" s="39">
        <v>-0.01</v>
      </c>
      <c r="I17" s="38">
        <v>49.48</v>
      </c>
      <c r="J17" s="8">
        <v>8</v>
      </c>
      <c r="K17" s="39">
        <v>0.49</v>
      </c>
      <c r="L17" s="40">
        <v>2664</v>
      </c>
      <c r="M17" s="8">
        <v>2</v>
      </c>
      <c r="N17" s="42">
        <v>-485</v>
      </c>
    </row>
    <row r="18" spans="1:14" ht="18" customHeight="1" x14ac:dyDescent="0.15">
      <c r="A18" s="41">
        <v>13</v>
      </c>
      <c r="B18" s="21" t="s">
        <v>21</v>
      </c>
      <c r="C18" s="38">
        <v>100</v>
      </c>
      <c r="D18" s="8">
        <v>1</v>
      </c>
      <c r="E18" s="38">
        <v>0.01</v>
      </c>
      <c r="F18" s="38">
        <v>0</v>
      </c>
      <c r="G18" s="8">
        <v>2</v>
      </c>
      <c r="H18" s="39">
        <v>-0.01</v>
      </c>
      <c r="I18" s="38">
        <v>44.04</v>
      </c>
      <c r="J18" s="8">
        <v>23</v>
      </c>
      <c r="K18" s="39">
        <v>0.17</v>
      </c>
      <c r="L18" s="40">
        <v>2187</v>
      </c>
      <c r="M18" s="8">
        <v>6</v>
      </c>
      <c r="N18" s="42">
        <v>-31</v>
      </c>
    </row>
    <row r="19" spans="1:14" ht="18" customHeight="1" x14ac:dyDescent="0.15">
      <c r="A19" s="41">
        <v>14</v>
      </c>
      <c r="B19" s="21" t="s">
        <v>22</v>
      </c>
      <c r="C19" s="38">
        <v>100</v>
      </c>
      <c r="D19" s="8">
        <v>1</v>
      </c>
      <c r="E19" s="38">
        <v>0.01</v>
      </c>
      <c r="F19" s="38">
        <v>0</v>
      </c>
      <c r="G19" s="8">
        <v>2</v>
      </c>
      <c r="H19" s="39">
        <v>-0.01</v>
      </c>
      <c r="I19" s="38">
        <v>39.450000000000003</v>
      </c>
      <c r="J19" s="8">
        <v>32</v>
      </c>
      <c r="K19" s="39">
        <v>0.06</v>
      </c>
      <c r="L19" s="40">
        <v>1890</v>
      </c>
      <c r="M19" s="8">
        <v>9</v>
      </c>
      <c r="N19" s="42">
        <v>-472</v>
      </c>
    </row>
    <row r="20" spans="1:14" ht="18" customHeight="1" x14ac:dyDescent="0.15">
      <c r="A20" s="41">
        <v>15</v>
      </c>
      <c r="B20" s="21" t="s">
        <v>23</v>
      </c>
      <c r="C20" s="38">
        <v>100</v>
      </c>
      <c r="D20" s="8">
        <v>1</v>
      </c>
      <c r="E20" s="38">
        <v>0</v>
      </c>
      <c r="F20" s="38">
        <v>0</v>
      </c>
      <c r="G20" s="8">
        <v>2</v>
      </c>
      <c r="H20" s="39">
        <v>0</v>
      </c>
      <c r="I20" s="38">
        <v>47.15</v>
      </c>
      <c r="J20" s="8">
        <v>12</v>
      </c>
      <c r="K20" s="39">
        <v>0.48</v>
      </c>
      <c r="L20" s="40">
        <v>1813</v>
      </c>
      <c r="M20" s="8">
        <v>11</v>
      </c>
      <c r="N20" s="42">
        <v>-35</v>
      </c>
    </row>
    <row r="21" spans="1:14" ht="18" customHeight="1" x14ac:dyDescent="0.15">
      <c r="A21" s="41">
        <v>16</v>
      </c>
      <c r="B21" s="21" t="s">
        <v>24</v>
      </c>
      <c r="C21" s="38">
        <v>100</v>
      </c>
      <c r="D21" s="8">
        <v>1</v>
      </c>
      <c r="E21" s="38">
        <v>0</v>
      </c>
      <c r="F21" s="38">
        <v>0</v>
      </c>
      <c r="G21" s="8">
        <v>2</v>
      </c>
      <c r="H21" s="39">
        <v>0</v>
      </c>
      <c r="I21" s="38">
        <v>45.18</v>
      </c>
      <c r="J21" s="8">
        <v>21</v>
      </c>
      <c r="K21" s="39">
        <v>0.04</v>
      </c>
      <c r="L21" s="40">
        <v>1421</v>
      </c>
      <c r="M21" s="8">
        <v>22</v>
      </c>
      <c r="N21" s="42">
        <v>-89</v>
      </c>
    </row>
    <row r="22" spans="1:14" ht="18" customHeight="1" x14ac:dyDescent="0.15">
      <c r="A22" s="41">
        <v>17</v>
      </c>
      <c r="B22" s="21" t="s">
        <v>25</v>
      </c>
      <c r="C22" s="38">
        <v>100</v>
      </c>
      <c r="D22" s="8">
        <v>1</v>
      </c>
      <c r="E22" s="38">
        <v>0</v>
      </c>
      <c r="F22" s="38">
        <v>0</v>
      </c>
      <c r="G22" s="8">
        <v>2</v>
      </c>
      <c r="H22" s="39">
        <v>0</v>
      </c>
      <c r="I22" s="38">
        <v>42.49</v>
      </c>
      <c r="J22" s="8">
        <v>28</v>
      </c>
      <c r="K22" s="39">
        <v>0.52</v>
      </c>
      <c r="L22" s="40">
        <v>1536</v>
      </c>
      <c r="M22" s="8">
        <v>20</v>
      </c>
      <c r="N22" s="42">
        <v>-31</v>
      </c>
    </row>
    <row r="23" spans="1:14" ht="18" customHeight="1" x14ac:dyDescent="0.15">
      <c r="A23" s="41">
        <v>18</v>
      </c>
      <c r="B23" s="21" t="s">
        <v>26</v>
      </c>
      <c r="C23" s="38">
        <v>100</v>
      </c>
      <c r="D23" s="8">
        <v>1</v>
      </c>
      <c r="E23" s="38">
        <v>0.08</v>
      </c>
      <c r="F23" s="38">
        <v>0</v>
      </c>
      <c r="G23" s="8">
        <v>2</v>
      </c>
      <c r="H23" s="39">
        <v>-0.08</v>
      </c>
      <c r="I23" s="38">
        <v>50.3</v>
      </c>
      <c r="J23" s="8">
        <v>6</v>
      </c>
      <c r="K23" s="39">
        <v>1.1200000000000001</v>
      </c>
      <c r="L23" s="40">
        <v>1420</v>
      </c>
      <c r="M23" s="8">
        <v>23</v>
      </c>
      <c r="N23" s="42">
        <v>177</v>
      </c>
    </row>
    <row r="24" spans="1:14" ht="18" customHeight="1" x14ac:dyDescent="0.15">
      <c r="A24" s="41">
        <v>19</v>
      </c>
      <c r="B24" s="21" t="s">
        <v>28</v>
      </c>
      <c r="C24" s="38">
        <v>100</v>
      </c>
      <c r="D24" s="8">
        <v>1</v>
      </c>
      <c r="E24" s="38">
        <v>0.01</v>
      </c>
      <c r="F24" s="38">
        <v>0</v>
      </c>
      <c r="G24" s="8">
        <v>2</v>
      </c>
      <c r="H24" s="39">
        <v>-0.01</v>
      </c>
      <c r="I24" s="38">
        <v>40.200000000000003</v>
      </c>
      <c r="J24" s="8">
        <v>31</v>
      </c>
      <c r="K24" s="39">
        <v>-0.67</v>
      </c>
      <c r="L24" s="40">
        <v>1558</v>
      </c>
      <c r="M24" s="8">
        <v>19</v>
      </c>
      <c r="N24" s="42">
        <v>-3</v>
      </c>
    </row>
    <row r="25" spans="1:14" ht="18" customHeight="1" x14ac:dyDescent="0.15">
      <c r="A25" s="41">
        <v>20</v>
      </c>
      <c r="B25" s="21" t="s">
        <v>29</v>
      </c>
      <c r="C25" s="38">
        <v>100</v>
      </c>
      <c r="D25" s="8">
        <v>1</v>
      </c>
      <c r="E25" s="38">
        <v>0</v>
      </c>
      <c r="F25" s="38">
        <v>0</v>
      </c>
      <c r="G25" s="8">
        <v>2</v>
      </c>
      <c r="H25" s="39">
        <v>0</v>
      </c>
      <c r="I25" s="38">
        <v>46.55</v>
      </c>
      <c r="J25" s="8">
        <v>16</v>
      </c>
      <c r="K25" s="39">
        <v>0.4</v>
      </c>
      <c r="L25" s="40">
        <v>876</v>
      </c>
      <c r="M25" s="8">
        <v>28</v>
      </c>
      <c r="N25" s="42">
        <v>-90</v>
      </c>
    </row>
    <row r="26" spans="1:14" ht="18" customHeight="1" x14ac:dyDescent="0.15">
      <c r="A26" s="41">
        <v>21</v>
      </c>
      <c r="B26" s="21" t="s">
        <v>27</v>
      </c>
      <c r="C26" s="38">
        <v>100</v>
      </c>
      <c r="D26" s="8">
        <v>1</v>
      </c>
      <c r="E26" s="38">
        <v>0.01</v>
      </c>
      <c r="F26" s="38">
        <v>0</v>
      </c>
      <c r="G26" s="8">
        <v>2</v>
      </c>
      <c r="H26" s="39">
        <v>-0.01</v>
      </c>
      <c r="I26" s="38">
        <v>42.16</v>
      </c>
      <c r="J26" s="8">
        <v>29</v>
      </c>
      <c r="K26" s="39">
        <v>-0.5</v>
      </c>
      <c r="L26" s="40">
        <v>1742</v>
      </c>
      <c r="M26" s="8">
        <v>12</v>
      </c>
      <c r="N26" s="42">
        <v>-29</v>
      </c>
    </row>
    <row r="27" spans="1:14" ht="18" customHeight="1" x14ac:dyDescent="0.15">
      <c r="A27" s="41">
        <v>22</v>
      </c>
      <c r="B27" s="21" t="s">
        <v>30</v>
      </c>
      <c r="C27" s="38">
        <v>100</v>
      </c>
      <c r="D27" s="8">
        <v>1</v>
      </c>
      <c r="E27" s="38">
        <v>0</v>
      </c>
      <c r="F27" s="38">
        <v>0</v>
      </c>
      <c r="G27" s="8">
        <v>2</v>
      </c>
      <c r="H27" s="39">
        <v>0</v>
      </c>
      <c r="I27" s="38">
        <v>51.07</v>
      </c>
      <c r="J27" s="8">
        <v>5</v>
      </c>
      <c r="K27" s="39">
        <v>0.02</v>
      </c>
      <c r="L27" s="40">
        <v>937</v>
      </c>
      <c r="M27" s="8">
        <v>27</v>
      </c>
      <c r="N27" s="42">
        <v>-16</v>
      </c>
    </row>
    <row r="28" spans="1:14" ht="18" customHeight="1" x14ac:dyDescent="0.15">
      <c r="A28" s="41">
        <v>23</v>
      </c>
      <c r="B28" s="21" t="s">
        <v>31</v>
      </c>
      <c r="C28" s="38">
        <v>100</v>
      </c>
      <c r="D28" s="8">
        <v>1</v>
      </c>
      <c r="E28" s="38">
        <v>0.02</v>
      </c>
      <c r="F28" s="38">
        <v>0</v>
      </c>
      <c r="G28" s="8">
        <v>2</v>
      </c>
      <c r="H28" s="39">
        <v>-0.02</v>
      </c>
      <c r="I28" s="38">
        <v>50.29</v>
      </c>
      <c r="J28" s="8">
        <v>7</v>
      </c>
      <c r="K28" s="39">
        <v>0.23</v>
      </c>
      <c r="L28" s="40">
        <v>1047</v>
      </c>
      <c r="M28" s="8">
        <v>26</v>
      </c>
      <c r="N28" s="42">
        <v>-24</v>
      </c>
    </row>
    <row r="29" spans="1:14" ht="18" customHeight="1" x14ac:dyDescent="0.15">
      <c r="A29" s="41">
        <v>24</v>
      </c>
      <c r="B29" s="21" t="s">
        <v>32</v>
      </c>
      <c r="C29" s="38">
        <v>100</v>
      </c>
      <c r="D29" s="8">
        <v>1</v>
      </c>
      <c r="E29" s="38">
        <v>0</v>
      </c>
      <c r="F29" s="38">
        <v>0</v>
      </c>
      <c r="G29" s="8">
        <v>2</v>
      </c>
      <c r="H29" s="39">
        <v>0</v>
      </c>
      <c r="I29" s="38">
        <v>53.78</v>
      </c>
      <c r="J29" s="8">
        <v>3</v>
      </c>
      <c r="K29" s="39">
        <v>0.5</v>
      </c>
      <c r="L29" s="40">
        <v>2397</v>
      </c>
      <c r="M29" s="8">
        <v>4</v>
      </c>
      <c r="N29" s="42">
        <v>-26</v>
      </c>
    </row>
    <row r="30" spans="1:14" ht="18" customHeight="1" x14ac:dyDescent="0.15">
      <c r="A30" s="41">
        <v>25</v>
      </c>
      <c r="B30" s="21" t="s">
        <v>33</v>
      </c>
      <c r="C30" s="38">
        <v>100</v>
      </c>
      <c r="D30" s="8">
        <v>1</v>
      </c>
      <c r="E30" s="38">
        <v>0</v>
      </c>
      <c r="F30" s="38">
        <v>0</v>
      </c>
      <c r="G30" s="8">
        <v>2</v>
      </c>
      <c r="H30" s="39">
        <v>0</v>
      </c>
      <c r="I30" s="38">
        <v>45.58</v>
      </c>
      <c r="J30" s="8">
        <v>18</v>
      </c>
      <c r="K30" s="39">
        <v>-2.25</v>
      </c>
      <c r="L30" s="40">
        <v>1267</v>
      </c>
      <c r="M30" s="8">
        <v>25</v>
      </c>
      <c r="N30" s="42">
        <v>28</v>
      </c>
    </row>
    <row r="31" spans="1:14" ht="18" customHeight="1" x14ac:dyDescent="0.15">
      <c r="A31" s="41">
        <v>26</v>
      </c>
      <c r="B31" s="21" t="s">
        <v>34</v>
      </c>
      <c r="C31" s="38">
        <v>100</v>
      </c>
      <c r="D31" s="8">
        <v>1</v>
      </c>
      <c r="E31" s="38">
        <v>0.04</v>
      </c>
      <c r="F31" s="38">
        <v>0</v>
      </c>
      <c r="G31" s="8">
        <v>2</v>
      </c>
      <c r="H31" s="39">
        <v>-0.04</v>
      </c>
      <c r="I31" s="38">
        <v>52.33</v>
      </c>
      <c r="J31" s="8">
        <v>4</v>
      </c>
      <c r="K31" s="39">
        <v>1.32</v>
      </c>
      <c r="L31" s="40">
        <v>817</v>
      </c>
      <c r="M31" s="8">
        <v>29</v>
      </c>
      <c r="N31" s="42">
        <v>-9</v>
      </c>
    </row>
    <row r="32" spans="1:14" ht="18" customHeight="1" x14ac:dyDescent="0.15">
      <c r="A32" s="41">
        <v>27</v>
      </c>
      <c r="B32" s="21" t="s">
        <v>35</v>
      </c>
      <c r="C32" s="38">
        <v>100</v>
      </c>
      <c r="D32" s="8">
        <v>1</v>
      </c>
      <c r="E32" s="38">
        <v>0</v>
      </c>
      <c r="F32" s="38">
        <v>0</v>
      </c>
      <c r="G32" s="8">
        <v>2</v>
      </c>
      <c r="H32" s="39">
        <v>0</v>
      </c>
      <c r="I32" s="38">
        <v>59.28</v>
      </c>
      <c r="J32" s="8">
        <v>1</v>
      </c>
      <c r="K32" s="39">
        <v>1.81</v>
      </c>
      <c r="L32" s="40">
        <v>637</v>
      </c>
      <c r="M32" s="8">
        <v>31</v>
      </c>
      <c r="N32" s="42">
        <v>-231</v>
      </c>
    </row>
    <row r="33" spans="1:14" ht="18" customHeight="1" x14ac:dyDescent="0.15">
      <c r="A33" s="41">
        <v>28</v>
      </c>
      <c r="B33" s="21" t="s">
        <v>36</v>
      </c>
      <c r="C33" s="38">
        <v>100</v>
      </c>
      <c r="D33" s="8">
        <v>1</v>
      </c>
      <c r="E33" s="38">
        <v>0.03</v>
      </c>
      <c r="F33" s="38">
        <v>0</v>
      </c>
      <c r="G33" s="8">
        <v>2</v>
      </c>
      <c r="H33" s="39">
        <v>-0.03</v>
      </c>
      <c r="I33" s="38">
        <v>47.73</v>
      </c>
      <c r="J33" s="8">
        <v>11</v>
      </c>
      <c r="K33" s="39">
        <v>-0.19</v>
      </c>
      <c r="L33" s="40">
        <v>1565</v>
      </c>
      <c r="M33" s="8">
        <v>18</v>
      </c>
      <c r="N33" s="42">
        <v>513</v>
      </c>
    </row>
    <row r="34" spans="1:14" ht="18" customHeight="1" x14ac:dyDescent="0.15">
      <c r="A34" s="41">
        <v>29</v>
      </c>
      <c r="B34" s="21" t="s">
        <v>37</v>
      </c>
      <c r="C34" s="38">
        <v>100</v>
      </c>
      <c r="D34" s="8">
        <v>1</v>
      </c>
      <c r="E34" s="38">
        <v>7.0000000000000007E-2</v>
      </c>
      <c r="F34" s="38">
        <v>0</v>
      </c>
      <c r="G34" s="8">
        <v>2</v>
      </c>
      <c r="H34" s="39">
        <v>-7.0000000000000007E-2</v>
      </c>
      <c r="I34" s="38">
        <v>46.66</v>
      </c>
      <c r="J34" s="8">
        <v>15</v>
      </c>
      <c r="K34" s="39">
        <v>0.32</v>
      </c>
      <c r="L34" s="40">
        <v>267</v>
      </c>
      <c r="M34" s="8">
        <v>33</v>
      </c>
      <c r="N34" s="42">
        <v>-11</v>
      </c>
    </row>
    <row r="35" spans="1:14" ht="18" customHeight="1" x14ac:dyDescent="0.15">
      <c r="A35" s="41">
        <v>30</v>
      </c>
      <c r="B35" s="21" t="s">
        <v>38</v>
      </c>
      <c r="C35" s="38">
        <v>100</v>
      </c>
      <c r="D35" s="8">
        <v>1</v>
      </c>
      <c r="E35" s="38">
        <v>0</v>
      </c>
      <c r="F35" s="38">
        <v>0</v>
      </c>
      <c r="G35" s="8">
        <v>2</v>
      </c>
      <c r="H35" s="39">
        <v>0</v>
      </c>
      <c r="I35" s="38">
        <v>48.94</v>
      </c>
      <c r="J35" s="8">
        <v>10</v>
      </c>
      <c r="K35" s="39">
        <v>0.44</v>
      </c>
      <c r="L35" s="40">
        <v>530</v>
      </c>
      <c r="M35" s="8">
        <v>32</v>
      </c>
      <c r="N35" s="42">
        <v>-3</v>
      </c>
    </row>
    <row r="36" spans="1:14" ht="18" customHeight="1" x14ac:dyDescent="0.15">
      <c r="A36" s="41">
        <v>31</v>
      </c>
      <c r="B36" s="21" t="s">
        <v>39</v>
      </c>
      <c r="C36" s="38">
        <v>100</v>
      </c>
      <c r="D36" s="8">
        <v>1</v>
      </c>
      <c r="E36" s="38">
        <v>0</v>
      </c>
      <c r="F36" s="38">
        <v>0</v>
      </c>
      <c r="G36" s="8">
        <v>2</v>
      </c>
      <c r="H36" s="39">
        <v>0</v>
      </c>
      <c r="I36" s="38">
        <v>49.01</v>
      </c>
      <c r="J36" s="8">
        <v>9</v>
      </c>
      <c r="K36" s="39">
        <v>1.07</v>
      </c>
      <c r="L36" s="40">
        <v>1623</v>
      </c>
      <c r="M36" s="8">
        <v>16</v>
      </c>
      <c r="N36" s="42">
        <v>-61</v>
      </c>
    </row>
    <row r="37" spans="1:14" ht="18" customHeight="1" x14ac:dyDescent="0.15">
      <c r="A37" s="41">
        <v>32</v>
      </c>
      <c r="B37" s="21" t="s">
        <v>40</v>
      </c>
      <c r="C37" s="38">
        <v>100</v>
      </c>
      <c r="D37" s="8">
        <v>1</v>
      </c>
      <c r="E37" s="38">
        <v>0.01</v>
      </c>
      <c r="F37" s="38">
        <v>0</v>
      </c>
      <c r="G37" s="8">
        <v>2</v>
      </c>
      <c r="H37" s="39">
        <v>-0.01</v>
      </c>
      <c r="I37" s="38">
        <v>45.52</v>
      </c>
      <c r="J37" s="8">
        <v>19</v>
      </c>
      <c r="K37" s="39">
        <v>1.1000000000000001</v>
      </c>
      <c r="L37" s="40">
        <v>1726</v>
      </c>
      <c r="M37" s="8">
        <v>13</v>
      </c>
      <c r="N37" s="42">
        <v>-36</v>
      </c>
    </row>
    <row r="38" spans="1:14" ht="18" customHeight="1" thickBot="1" x14ac:dyDescent="0.2">
      <c r="A38" s="63">
        <v>33</v>
      </c>
      <c r="B38" s="22" t="s">
        <v>41</v>
      </c>
      <c r="C38" s="47">
        <v>100</v>
      </c>
      <c r="D38" s="48">
        <v>1</v>
      </c>
      <c r="E38" s="47">
        <v>0</v>
      </c>
      <c r="F38" s="47">
        <v>0</v>
      </c>
      <c r="G38" s="48">
        <v>2</v>
      </c>
      <c r="H38" s="49">
        <v>0</v>
      </c>
      <c r="I38" s="47">
        <v>54.88</v>
      </c>
      <c r="J38" s="48">
        <v>2</v>
      </c>
      <c r="K38" s="49">
        <v>0.43</v>
      </c>
      <c r="L38" s="50">
        <v>789</v>
      </c>
      <c r="M38" s="48">
        <v>30</v>
      </c>
      <c r="N38" s="64">
        <v>401</v>
      </c>
    </row>
    <row r="39" spans="1:14" ht="18" customHeight="1" thickTop="1" x14ac:dyDescent="0.15">
      <c r="A39" s="65">
        <v>301</v>
      </c>
      <c r="B39" s="23" t="s">
        <v>52</v>
      </c>
      <c r="C39" s="51">
        <v>100</v>
      </c>
      <c r="D39" s="52">
        <v>1</v>
      </c>
      <c r="E39" s="51">
        <v>0</v>
      </c>
      <c r="F39" s="53" t="s">
        <v>51</v>
      </c>
      <c r="G39" s="53" t="s">
        <v>51</v>
      </c>
      <c r="H39" s="53" t="s">
        <v>51</v>
      </c>
      <c r="I39" s="51">
        <v>14</v>
      </c>
      <c r="J39" s="52">
        <v>2</v>
      </c>
      <c r="K39" s="54">
        <v>1.1100000000000001</v>
      </c>
      <c r="L39" s="55">
        <v>1577</v>
      </c>
      <c r="M39" s="52">
        <v>3</v>
      </c>
      <c r="N39" s="66">
        <v>-23</v>
      </c>
    </row>
    <row r="40" spans="1:14" ht="18" customHeight="1" x14ac:dyDescent="0.15">
      <c r="A40" s="41">
        <v>302</v>
      </c>
      <c r="B40" s="45" t="s">
        <v>53</v>
      </c>
      <c r="C40" s="38">
        <v>100</v>
      </c>
      <c r="D40" s="8">
        <v>1</v>
      </c>
      <c r="E40" s="38">
        <v>0</v>
      </c>
      <c r="F40" s="46" t="s">
        <v>51</v>
      </c>
      <c r="G40" s="46" t="s">
        <v>51</v>
      </c>
      <c r="H40" s="46" t="s">
        <v>51</v>
      </c>
      <c r="I40" s="38">
        <v>9.5500000000000007</v>
      </c>
      <c r="J40" s="8">
        <v>6</v>
      </c>
      <c r="K40" s="39">
        <v>0.39</v>
      </c>
      <c r="L40" s="40">
        <v>1822</v>
      </c>
      <c r="M40" s="8">
        <v>2</v>
      </c>
      <c r="N40" s="42">
        <v>-3</v>
      </c>
    </row>
    <row r="41" spans="1:14" ht="18" customHeight="1" x14ac:dyDescent="0.15">
      <c r="A41" s="41">
        <v>303</v>
      </c>
      <c r="B41" s="45" t="s">
        <v>54</v>
      </c>
      <c r="C41" s="38">
        <v>100</v>
      </c>
      <c r="D41" s="8">
        <v>1</v>
      </c>
      <c r="E41" s="38">
        <v>0</v>
      </c>
      <c r="F41" s="46" t="s">
        <v>51</v>
      </c>
      <c r="G41" s="46" t="s">
        <v>51</v>
      </c>
      <c r="H41" s="46" t="s">
        <v>51</v>
      </c>
      <c r="I41" s="38">
        <v>17.78</v>
      </c>
      <c r="J41" s="8">
        <v>1</v>
      </c>
      <c r="K41" s="39">
        <v>-0.3</v>
      </c>
      <c r="L41" s="40">
        <v>1187</v>
      </c>
      <c r="M41" s="8">
        <v>4</v>
      </c>
      <c r="N41" s="42">
        <v>-60</v>
      </c>
    </row>
    <row r="42" spans="1:14" ht="18" customHeight="1" x14ac:dyDescent="0.15">
      <c r="A42" s="41">
        <v>304</v>
      </c>
      <c r="B42" s="45" t="s">
        <v>55</v>
      </c>
      <c r="C42" s="38">
        <v>100</v>
      </c>
      <c r="D42" s="8">
        <v>1</v>
      </c>
      <c r="E42" s="38">
        <v>0</v>
      </c>
      <c r="F42" s="46" t="s">
        <v>51</v>
      </c>
      <c r="G42" s="46" t="s">
        <v>51</v>
      </c>
      <c r="H42" s="46" t="s">
        <v>51</v>
      </c>
      <c r="I42" s="38">
        <v>10.18</v>
      </c>
      <c r="J42" s="8">
        <v>5</v>
      </c>
      <c r="K42" s="39">
        <v>-0.02</v>
      </c>
      <c r="L42" s="40">
        <v>741</v>
      </c>
      <c r="M42" s="8">
        <v>6</v>
      </c>
      <c r="N42" s="42">
        <v>-24</v>
      </c>
    </row>
    <row r="43" spans="1:14" ht="18" customHeight="1" x14ac:dyDescent="0.15">
      <c r="A43" s="41">
        <v>305</v>
      </c>
      <c r="B43" s="45" t="s">
        <v>56</v>
      </c>
      <c r="C43" s="38">
        <v>100</v>
      </c>
      <c r="D43" s="8">
        <v>1</v>
      </c>
      <c r="E43" s="38">
        <v>0</v>
      </c>
      <c r="F43" s="46" t="s">
        <v>51</v>
      </c>
      <c r="G43" s="46" t="s">
        <v>51</v>
      </c>
      <c r="H43" s="46" t="s">
        <v>51</v>
      </c>
      <c r="I43" s="38">
        <v>12.64</v>
      </c>
      <c r="J43" s="8">
        <v>3</v>
      </c>
      <c r="K43" s="39">
        <v>-0.4</v>
      </c>
      <c r="L43" s="40">
        <v>772</v>
      </c>
      <c r="M43" s="8">
        <v>5</v>
      </c>
      <c r="N43" s="42">
        <v>-6</v>
      </c>
    </row>
    <row r="44" spans="1:14" ht="18" customHeight="1" thickBot="1" x14ac:dyDescent="0.2">
      <c r="A44" s="63">
        <v>306</v>
      </c>
      <c r="B44" s="56" t="s">
        <v>57</v>
      </c>
      <c r="C44" s="47">
        <v>100</v>
      </c>
      <c r="D44" s="48">
        <v>1</v>
      </c>
      <c r="E44" s="47">
        <v>0</v>
      </c>
      <c r="F44" s="57" t="s">
        <v>51</v>
      </c>
      <c r="G44" s="57" t="s">
        <v>51</v>
      </c>
      <c r="H44" s="57" t="s">
        <v>51</v>
      </c>
      <c r="I44" s="47">
        <v>10.76</v>
      </c>
      <c r="J44" s="48">
        <v>4</v>
      </c>
      <c r="K44" s="49">
        <v>-0.12</v>
      </c>
      <c r="L44" s="50">
        <v>2544</v>
      </c>
      <c r="M44" s="48">
        <v>1</v>
      </c>
      <c r="N44" s="64">
        <v>95</v>
      </c>
    </row>
    <row r="45" spans="1:14" ht="18" customHeight="1" thickTop="1" thickBot="1" x14ac:dyDescent="0.2">
      <c r="A45" s="277" t="s">
        <v>46</v>
      </c>
      <c r="B45" s="278"/>
      <c r="C45" s="58">
        <v>100</v>
      </c>
      <c r="D45" s="59" t="s">
        <v>51</v>
      </c>
      <c r="E45" s="58">
        <v>0</v>
      </c>
      <c r="F45" s="60">
        <v>0</v>
      </c>
      <c r="G45" s="59" t="s">
        <v>51</v>
      </c>
      <c r="H45" s="61">
        <v>0</v>
      </c>
      <c r="I45" s="58">
        <v>42.72</v>
      </c>
      <c r="J45" s="59" t="s">
        <v>51</v>
      </c>
      <c r="K45" s="61">
        <v>0.37</v>
      </c>
      <c r="L45" s="62">
        <v>1689</v>
      </c>
      <c r="M45" s="59" t="s">
        <v>51</v>
      </c>
      <c r="N45" s="67">
        <v>-82</v>
      </c>
    </row>
    <row r="46" spans="1:14" ht="18" customHeight="1" thickTop="1" thickBot="1" x14ac:dyDescent="0.2">
      <c r="A46" s="277" t="s">
        <v>61</v>
      </c>
      <c r="B46" s="278"/>
      <c r="C46" s="58">
        <v>100</v>
      </c>
      <c r="D46" s="59" t="s">
        <v>51</v>
      </c>
      <c r="E46" s="58">
        <v>0</v>
      </c>
      <c r="F46" s="59" t="s">
        <v>51</v>
      </c>
      <c r="G46" s="59" t="s">
        <v>51</v>
      </c>
      <c r="H46" s="59" t="s">
        <v>51</v>
      </c>
      <c r="I46" s="58">
        <v>11.71</v>
      </c>
      <c r="J46" s="59" t="s">
        <v>51</v>
      </c>
      <c r="K46" s="61">
        <v>0</v>
      </c>
      <c r="L46" s="62">
        <v>1789</v>
      </c>
      <c r="M46" s="59" t="s">
        <v>51</v>
      </c>
      <c r="N46" s="67">
        <v>-10</v>
      </c>
    </row>
    <row r="47" spans="1:14" ht="18" customHeight="1" thickTop="1" thickBot="1" x14ac:dyDescent="0.2">
      <c r="A47" s="275" t="s">
        <v>62</v>
      </c>
      <c r="B47" s="276"/>
      <c r="C47" s="68">
        <v>100</v>
      </c>
      <c r="D47" s="69" t="s">
        <v>51</v>
      </c>
      <c r="E47" s="68">
        <v>0</v>
      </c>
      <c r="F47" s="68">
        <v>0</v>
      </c>
      <c r="G47" s="69" t="s">
        <v>51</v>
      </c>
      <c r="H47" s="70">
        <v>0</v>
      </c>
      <c r="I47" s="68">
        <v>40.56</v>
      </c>
      <c r="J47" s="69" t="s">
        <v>51</v>
      </c>
      <c r="K47" s="70">
        <v>0.33</v>
      </c>
      <c r="L47" s="43">
        <v>1695</v>
      </c>
      <c r="M47" s="69" t="s">
        <v>51</v>
      </c>
      <c r="N47" s="71">
        <v>-78</v>
      </c>
    </row>
    <row r="48" spans="1:14" ht="13.2" customHeight="1" x14ac:dyDescent="0.15">
      <c r="A48" s="10" t="s">
        <v>49</v>
      </c>
      <c r="C48" s="10"/>
      <c r="F48" s="10"/>
      <c r="I48" s="10"/>
    </row>
    <row r="49" spans="1:14" x14ac:dyDescent="0.15">
      <c r="C49" s="10"/>
      <c r="F49" s="10"/>
      <c r="I49" s="10"/>
    </row>
    <row r="50" spans="1:14" x14ac:dyDescent="0.15">
      <c r="A50" s="9"/>
      <c r="C50" s="18"/>
      <c r="D50" s="19"/>
      <c r="E50" s="19"/>
      <c r="F50" s="284"/>
      <c r="G50" s="284"/>
      <c r="H50" s="284"/>
      <c r="I50" s="284"/>
      <c r="J50" s="284"/>
      <c r="K50" s="284"/>
      <c r="L50" s="283"/>
      <c r="M50" s="283"/>
      <c r="N50" s="283"/>
    </row>
    <row r="51" spans="1:14" x14ac:dyDescent="0.15">
      <c r="A51" s="12"/>
      <c r="B51" s="1"/>
      <c r="C51" s="11"/>
      <c r="D51" s="7"/>
      <c r="E51" s="6"/>
      <c r="F51" s="11"/>
      <c r="G51" s="7"/>
      <c r="H51" s="6"/>
      <c r="I51" s="11"/>
      <c r="J51" s="7"/>
      <c r="K51" s="6"/>
      <c r="L51" s="14"/>
      <c r="M51" s="7"/>
      <c r="N51" s="7"/>
    </row>
    <row r="52" spans="1:14" x14ac:dyDescent="0.15">
      <c r="A52" s="1"/>
      <c r="B52" s="1"/>
      <c r="C52" s="11"/>
      <c r="D52" s="7"/>
      <c r="E52" s="7"/>
      <c r="F52" s="11"/>
      <c r="G52" s="7"/>
      <c r="H52" s="7"/>
      <c r="I52" s="11"/>
      <c r="J52" s="7"/>
      <c r="K52" s="7"/>
      <c r="L52" s="14"/>
      <c r="M52" s="7"/>
      <c r="N52" s="7"/>
    </row>
    <row r="53" spans="1:14" x14ac:dyDescent="0.15">
      <c r="A53" s="1"/>
      <c r="B53" s="2"/>
      <c r="C53" s="15"/>
      <c r="D53" s="9"/>
      <c r="E53" s="9"/>
      <c r="F53" s="15"/>
      <c r="G53" s="9"/>
      <c r="H53" s="9"/>
      <c r="I53" s="15"/>
      <c r="J53" s="9"/>
      <c r="K53" s="9"/>
      <c r="L53" s="14"/>
      <c r="M53" s="9"/>
      <c r="N53" s="9"/>
    </row>
    <row r="54" spans="1:14" x14ac:dyDescent="0.15">
      <c r="A54" s="1"/>
      <c r="B54" s="2"/>
      <c r="C54" s="15"/>
      <c r="D54" s="9"/>
      <c r="E54" s="9"/>
      <c r="F54" s="15"/>
      <c r="G54" s="9"/>
      <c r="H54" s="9"/>
      <c r="I54" s="15"/>
      <c r="J54" s="9"/>
      <c r="K54" s="9"/>
      <c r="L54" s="14"/>
      <c r="M54" s="9"/>
      <c r="N54" s="9"/>
    </row>
    <row r="55" spans="1:14" x14ac:dyDescent="0.15">
      <c r="A55" s="1"/>
      <c r="B55" s="2"/>
      <c r="C55" s="15"/>
      <c r="D55" s="9"/>
      <c r="E55" s="9"/>
      <c r="F55" s="15"/>
      <c r="G55" s="9"/>
      <c r="H55" s="9"/>
      <c r="I55" s="15"/>
      <c r="J55" s="9"/>
      <c r="K55" s="9"/>
      <c r="L55" s="14"/>
      <c r="M55" s="9"/>
      <c r="N55" s="9"/>
    </row>
    <row r="56" spans="1:14" x14ac:dyDescent="0.15">
      <c r="A56" s="1"/>
      <c r="B56" s="2"/>
      <c r="C56" s="15"/>
      <c r="D56" s="9"/>
      <c r="E56" s="9"/>
      <c r="F56" s="15"/>
      <c r="G56" s="9"/>
      <c r="H56" s="9"/>
      <c r="I56" s="15"/>
      <c r="J56" s="9"/>
      <c r="K56" s="9"/>
      <c r="L56" s="14"/>
      <c r="M56" s="9"/>
      <c r="N56" s="9"/>
    </row>
    <row r="57" spans="1:14" x14ac:dyDescent="0.15">
      <c r="A57" s="1"/>
      <c r="B57" s="2"/>
      <c r="C57" s="15"/>
      <c r="D57" s="9"/>
      <c r="E57" s="9"/>
      <c r="F57" s="15"/>
      <c r="G57" s="9"/>
      <c r="H57" s="9"/>
      <c r="I57" s="15"/>
      <c r="J57" s="9"/>
      <c r="K57" s="9"/>
      <c r="L57" s="14"/>
      <c r="M57" s="9"/>
      <c r="N57" s="9"/>
    </row>
    <row r="58" spans="1:14" x14ac:dyDescent="0.15">
      <c r="A58" s="1"/>
      <c r="B58" s="2"/>
      <c r="C58" s="15"/>
      <c r="D58" s="9"/>
      <c r="E58" s="9"/>
      <c r="F58" s="15"/>
      <c r="G58" s="9"/>
      <c r="H58" s="9"/>
      <c r="I58" s="15"/>
      <c r="J58" s="9"/>
      <c r="K58" s="9"/>
      <c r="L58" s="14"/>
      <c r="M58" s="9"/>
      <c r="N58" s="9"/>
    </row>
    <row r="59" spans="1:14" x14ac:dyDescent="0.15">
      <c r="A59" s="1"/>
      <c r="B59" s="2"/>
      <c r="C59" s="15"/>
      <c r="D59" s="9"/>
      <c r="E59" s="9"/>
      <c r="F59" s="15"/>
      <c r="G59" s="9"/>
      <c r="H59" s="9"/>
      <c r="I59" s="15"/>
      <c r="J59" s="9"/>
      <c r="K59" s="9"/>
      <c r="L59" s="14"/>
      <c r="M59" s="9"/>
      <c r="N59" s="9"/>
    </row>
    <row r="60" spans="1:14" x14ac:dyDescent="0.15">
      <c r="A60" s="1"/>
      <c r="B60" s="2"/>
      <c r="C60" s="15"/>
      <c r="D60" s="9"/>
      <c r="E60" s="9"/>
      <c r="F60" s="15"/>
      <c r="G60" s="9"/>
      <c r="H60" s="9"/>
      <c r="I60" s="15"/>
      <c r="J60" s="9"/>
      <c r="K60" s="9"/>
      <c r="L60" s="14"/>
      <c r="M60" s="9"/>
      <c r="N60" s="9"/>
    </row>
    <row r="61" spans="1:14" x14ac:dyDescent="0.15">
      <c r="A61" s="1"/>
      <c r="B61" s="2"/>
      <c r="C61" s="15"/>
      <c r="D61" s="9"/>
      <c r="E61" s="9"/>
      <c r="F61" s="15"/>
      <c r="G61" s="9"/>
      <c r="H61" s="9"/>
      <c r="I61" s="15"/>
      <c r="J61" s="9"/>
      <c r="K61" s="9"/>
      <c r="L61" s="14"/>
      <c r="M61" s="9"/>
      <c r="N61" s="9"/>
    </row>
    <row r="62" spans="1:14" x14ac:dyDescent="0.15">
      <c r="A62" s="1"/>
      <c r="B62" s="2"/>
      <c r="C62" s="15"/>
      <c r="D62" s="9"/>
      <c r="E62" s="9"/>
      <c r="F62" s="15"/>
      <c r="G62" s="9"/>
      <c r="H62" s="9"/>
      <c r="I62" s="15"/>
      <c r="J62" s="9"/>
      <c r="K62" s="9"/>
      <c r="L62" s="14"/>
      <c r="M62" s="9"/>
      <c r="N62" s="9"/>
    </row>
    <row r="63" spans="1:14" x14ac:dyDescent="0.15">
      <c r="A63" s="1"/>
      <c r="B63" s="2"/>
      <c r="C63" s="15"/>
      <c r="D63" s="9"/>
      <c r="E63" s="9"/>
      <c r="F63" s="15"/>
      <c r="G63" s="9"/>
      <c r="H63" s="9"/>
      <c r="I63" s="15"/>
      <c r="J63" s="9"/>
      <c r="K63" s="9"/>
      <c r="L63" s="14"/>
      <c r="M63" s="9"/>
      <c r="N63" s="9"/>
    </row>
    <row r="64" spans="1:14" x14ac:dyDescent="0.15">
      <c r="A64" s="1"/>
      <c r="B64" s="2"/>
      <c r="C64" s="15"/>
      <c r="D64" s="9"/>
      <c r="E64" s="9"/>
      <c r="F64" s="15"/>
      <c r="G64" s="9"/>
      <c r="H64" s="9"/>
      <c r="I64" s="15"/>
      <c r="J64" s="9"/>
      <c r="K64" s="9"/>
      <c r="L64" s="14"/>
      <c r="M64" s="9"/>
      <c r="N64" s="9"/>
    </row>
    <row r="65" spans="1:14" x14ac:dyDescent="0.15">
      <c r="A65" s="1"/>
      <c r="B65" s="2"/>
      <c r="C65" s="15"/>
      <c r="D65" s="9"/>
      <c r="E65" s="9"/>
      <c r="F65" s="15"/>
      <c r="G65" s="9"/>
      <c r="H65" s="9"/>
      <c r="I65" s="15"/>
      <c r="J65" s="9"/>
      <c r="K65" s="9"/>
      <c r="L65" s="14"/>
      <c r="M65" s="9"/>
      <c r="N65" s="9"/>
    </row>
    <row r="66" spans="1:14" x14ac:dyDescent="0.15">
      <c r="A66" s="1"/>
      <c r="B66" s="2"/>
      <c r="C66" s="15"/>
      <c r="D66" s="9"/>
      <c r="E66" s="9"/>
      <c r="F66" s="15"/>
      <c r="G66" s="9"/>
      <c r="H66" s="9"/>
      <c r="I66" s="15"/>
      <c r="J66" s="9"/>
      <c r="K66" s="9"/>
      <c r="L66" s="14"/>
      <c r="M66" s="9"/>
      <c r="N66" s="9"/>
    </row>
    <row r="67" spans="1:14" x14ac:dyDescent="0.15">
      <c r="A67" s="1"/>
      <c r="B67" s="2"/>
      <c r="C67" s="15"/>
      <c r="D67" s="9"/>
      <c r="E67" s="9"/>
      <c r="F67" s="15"/>
      <c r="G67" s="9"/>
      <c r="H67" s="9"/>
      <c r="I67" s="15"/>
      <c r="J67" s="9"/>
      <c r="K67" s="9"/>
      <c r="L67" s="14"/>
      <c r="M67" s="9"/>
      <c r="N67" s="9"/>
    </row>
    <row r="68" spans="1:14" x14ac:dyDescent="0.15">
      <c r="A68" s="1"/>
      <c r="B68" s="2"/>
      <c r="C68" s="15"/>
      <c r="D68" s="9"/>
      <c r="E68" s="9"/>
      <c r="F68" s="15"/>
      <c r="G68" s="9"/>
      <c r="H68" s="9"/>
      <c r="I68" s="15"/>
      <c r="J68" s="9"/>
      <c r="K68" s="9"/>
      <c r="L68" s="14"/>
      <c r="M68" s="9"/>
      <c r="N68" s="9"/>
    </row>
    <row r="69" spans="1:14" x14ac:dyDescent="0.15">
      <c r="A69" s="1"/>
      <c r="B69" s="2"/>
      <c r="C69" s="15"/>
      <c r="D69" s="9"/>
      <c r="E69" s="9"/>
      <c r="F69" s="15"/>
      <c r="G69" s="9"/>
      <c r="H69" s="9"/>
      <c r="I69" s="15"/>
      <c r="J69" s="9"/>
      <c r="K69" s="9"/>
      <c r="L69" s="14"/>
      <c r="M69" s="9"/>
      <c r="N69" s="9"/>
    </row>
    <row r="70" spans="1:14" x14ac:dyDescent="0.15">
      <c r="A70" s="1"/>
      <c r="B70" s="2"/>
      <c r="C70" s="15"/>
      <c r="D70" s="9"/>
      <c r="E70" s="9"/>
      <c r="F70" s="15"/>
      <c r="G70" s="9"/>
      <c r="H70" s="9"/>
      <c r="I70" s="15"/>
      <c r="J70" s="9"/>
      <c r="K70" s="9"/>
      <c r="L70" s="14"/>
      <c r="M70" s="9"/>
      <c r="N70" s="9"/>
    </row>
    <row r="71" spans="1:14" x14ac:dyDescent="0.15">
      <c r="A71" s="1"/>
      <c r="B71" s="2"/>
      <c r="C71" s="15"/>
      <c r="D71" s="9"/>
      <c r="E71" s="9"/>
      <c r="F71" s="15"/>
      <c r="G71" s="9"/>
      <c r="H71" s="9"/>
      <c r="I71" s="15"/>
      <c r="J71" s="9"/>
      <c r="K71" s="9"/>
      <c r="L71" s="14"/>
      <c r="M71" s="9"/>
      <c r="N71" s="9"/>
    </row>
    <row r="72" spans="1:14" x14ac:dyDescent="0.15">
      <c r="A72" s="1"/>
      <c r="B72" s="2"/>
      <c r="C72" s="15"/>
      <c r="D72" s="9"/>
      <c r="E72" s="9"/>
      <c r="F72" s="15"/>
      <c r="G72" s="9"/>
      <c r="H72" s="9"/>
      <c r="I72" s="15"/>
      <c r="J72" s="9"/>
      <c r="K72" s="9"/>
      <c r="L72" s="14"/>
      <c r="M72" s="9"/>
      <c r="N72" s="9"/>
    </row>
    <row r="73" spans="1:14" x14ac:dyDescent="0.15">
      <c r="A73" s="1"/>
      <c r="B73" s="2"/>
      <c r="C73" s="15"/>
      <c r="D73" s="9"/>
      <c r="E73" s="9"/>
      <c r="F73" s="15"/>
      <c r="G73" s="9"/>
      <c r="H73" s="9"/>
      <c r="I73" s="15"/>
      <c r="J73" s="9"/>
      <c r="K73" s="9"/>
      <c r="L73" s="14"/>
      <c r="M73" s="9"/>
      <c r="N73" s="9"/>
    </row>
    <row r="74" spans="1:14" x14ac:dyDescent="0.15">
      <c r="A74" s="1"/>
      <c r="B74" s="2"/>
      <c r="C74" s="15"/>
      <c r="D74" s="9"/>
      <c r="E74" s="9"/>
      <c r="F74" s="15"/>
      <c r="G74" s="9"/>
      <c r="H74" s="9"/>
      <c r="I74" s="15"/>
      <c r="J74" s="9"/>
      <c r="K74" s="9"/>
      <c r="L74" s="14"/>
      <c r="M74" s="9"/>
      <c r="N74" s="9"/>
    </row>
    <row r="75" spans="1:14" x14ac:dyDescent="0.15">
      <c r="A75" s="1"/>
      <c r="B75" s="2"/>
      <c r="C75" s="15"/>
      <c r="D75" s="9"/>
      <c r="E75" s="9"/>
      <c r="F75" s="15"/>
      <c r="G75" s="9"/>
      <c r="H75" s="9"/>
      <c r="I75" s="15"/>
      <c r="J75" s="9"/>
      <c r="K75" s="9"/>
      <c r="L75" s="14"/>
      <c r="M75" s="9"/>
      <c r="N75" s="9"/>
    </row>
    <row r="76" spans="1:14" x14ac:dyDescent="0.15">
      <c r="A76" s="1"/>
      <c r="B76" s="2"/>
      <c r="C76" s="15"/>
      <c r="D76" s="9"/>
      <c r="E76" s="9"/>
      <c r="F76" s="15"/>
      <c r="G76" s="9"/>
      <c r="H76" s="9"/>
      <c r="I76" s="15"/>
      <c r="J76" s="9"/>
      <c r="K76" s="9"/>
      <c r="L76" s="14"/>
      <c r="M76" s="9"/>
      <c r="N76" s="9"/>
    </row>
    <row r="77" spans="1:14" x14ac:dyDescent="0.15">
      <c r="A77" s="1"/>
      <c r="B77" s="2"/>
      <c r="C77" s="15"/>
      <c r="D77" s="9"/>
      <c r="E77" s="9"/>
      <c r="F77" s="15"/>
      <c r="G77" s="9"/>
      <c r="H77" s="9"/>
      <c r="I77" s="15"/>
      <c r="J77" s="9"/>
      <c r="K77" s="9"/>
      <c r="L77" s="14"/>
      <c r="M77" s="9"/>
      <c r="N77" s="9"/>
    </row>
    <row r="78" spans="1:14" x14ac:dyDescent="0.15">
      <c r="A78" s="1"/>
      <c r="B78" s="2"/>
      <c r="C78" s="15"/>
      <c r="D78" s="9"/>
      <c r="E78" s="9"/>
      <c r="F78" s="15"/>
      <c r="G78" s="9"/>
      <c r="H78" s="9"/>
      <c r="I78" s="15"/>
      <c r="J78" s="9"/>
      <c r="K78" s="9"/>
      <c r="L78" s="14"/>
      <c r="M78" s="9"/>
      <c r="N78" s="9"/>
    </row>
    <row r="79" spans="1:14" x14ac:dyDescent="0.15">
      <c r="A79" s="1"/>
      <c r="B79" s="2"/>
      <c r="C79" s="15"/>
      <c r="D79" s="9"/>
      <c r="E79" s="9"/>
      <c r="F79" s="15"/>
      <c r="G79" s="9"/>
      <c r="H79" s="9"/>
      <c r="I79" s="15"/>
      <c r="J79" s="9"/>
      <c r="K79" s="9"/>
      <c r="L79" s="14"/>
      <c r="M79" s="9"/>
      <c r="N79" s="9"/>
    </row>
    <row r="80" spans="1:14" x14ac:dyDescent="0.15">
      <c r="A80" s="1"/>
      <c r="B80" s="2"/>
      <c r="C80" s="15"/>
      <c r="D80" s="9"/>
      <c r="E80" s="9"/>
      <c r="F80" s="15"/>
      <c r="G80" s="9"/>
      <c r="H80" s="9"/>
      <c r="I80" s="15"/>
      <c r="J80" s="9"/>
      <c r="K80" s="9"/>
      <c r="L80" s="14"/>
      <c r="M80" s="9"/>
      <c r="N80" s="9"/>
    </row>
    <row r="81" spans="1:14" x14ac:dyDescent="0.15">
      <c r="A81" s="1"/>
      <c r="B81" s="2"/>
      <c r="C81" s="15"/>
      <c r="D81" s="9"/>
      <c r="E81" s="9"/>
      <c r="F81" s="15"/>
      <c r="G81" s="9"/>
      <c r="H81" s="9"/>
      <c r="I81" s="15"/>
      <c r="J81" s="9"/>
      <c r="K81" s="9"/>
      <c r="L81" s="14"/>
      <c r="M81" s="9"/>
      <c r="N81" s="9"/>
    </row>
    <row r="82" spans="1:14" x14ac:dyDescent="0.15">
      <c r="A82" s="1"/>
      <c r="B82" s="2"/>
      <c r="C82" s="15"/>
      <c r="D82" s="9"/>
      <c r="E82" s="9"/>
      <c r="F82" s="15"/>
      <c r="G82" s="9"/>
      <c r="H82" s="9"/>
      <c r="I82" s="15"/>
      <c r="J82" s="9"/>
      <c r="K82" s="9"/>
      <c r="L82" s="14"/>
      <c r="M82" s="9"/>
      <c r="N82" s="9"/>
    </row>
    <row r="83" spans="1:14" x14ac:dyDescent="0.15">
      <c r="A83" s="1"/>
      <c r="B83" s="2"/>
      <c r="C83" s="15"/>
      <c r="D83" s="9"/>
      <c r="E83" s="9"/>
      <c r="F83" s="15"/>
      <c r="G83" s="9"/>
      <c r="H83" s="9"/>
      <c r="I83" s="15"/>
      <c r="J83" s="9"/>
      <c r="K83" s="9"/>
      <c r="L83" s="14"/>
      <c r="M83" s="9"/>
      <c r="N83" s="9"/>
    </row>
    <row r="84" spans="1:14" x14ac:dyDescent="0.15">
      <c r="A84" s="1"/>
      <c r="B84" s="2"/>
      <c r="C84" s="15"/>
      <c r="D84" s="9"/>
      <c r="E84" s="9"/>
      <c r="F84" s="15"/>
      <c r="G84" s="9"/>
      <c r="H84" s="9"/>
      <c r="I84" s="15"/>
      <c r="J84" s="9"/>
      <c r="K84" s="9"/>
      <c r="L84" s="14"/>
      <c r="M84" s="9"/>
      <c r="N84" s="9"/>
    </row>
    <row r="85" spans="1:14" x14ac:dyDescent="0.15">
      <c r="A85" s="1"/>
      <c r="B85" s="2"/>
      <c r="C85" s="15"/>
      <c r="D85" s="9"/>
      <c r="E85" s="9"/>
      <c r="F85" s="15"/>
      <c r="G85" s="9"/>
      <c r="H85" s="9"/>
      <c r="I85" s="15"/>
      <c r="J85" s="9"/>
      <c r="K85" s="9"/>
      <c r="L85" s="14"/>
      <c r="M85" s="9"/>
      <c r="N85" s="9"/>
    </row>
    <row r="86" spans="1:14" x14ac:dyDescent="0.15">
      <c r="A86" s="1"/>
      <c r="B86" s="2"/>
      <c r="C86" s="15"/>
      <c r="D86" s="9"/>
      <c r="E86" s="9"/>
      <c r="F86" s="15"/>
      <c r="G86" s="9"/>
      <c r="H86" s="9"/>
      <c r="I86" s="15"/>
      <c r="J86" s="9"/>
      <c r="K86" s="9"/>
      <c r="L86" s="14"/>
      <c r="M86" s="9"/>
      <c r="N86" s="9"/>
    </row>
    <row r="87" spans="1:14" x14ac:dyDescent="0.15">
      <c r="A87" s="1"/>
      <c r="B87" s="2"/>
      <c r="C87" s="15"/>
      <c r="D87" s="9"/>
      <c r="E87" s="9"/>
      <c r="F87" s="15"/>
      <c r="G87" s="9"/>
      <c r="H87" s="9"/>
      <c r="I87" s="15"/>
      <c r="J87" s="9"/>
      <c r="K87" s="9"/>
      <c r="L87" s="14"/>
      <c r="M87" s="9"/>
      <c r="N87" s="9"/>
    </row>
    <row r="88" spans="1:14" x14ac:dyDescent="0.15">
      <c r="A88" s="1"/>
      <c r="B88" s="2"/>
      <c r="C88" s="15"/>
      <c r="D88" s="9"/>
      <c r="E88" s="9"/>
      <c r="F88" s="15"/>
      <c r="G88" s="9"/>
      <c r="H88" s="9"/>
      <c r="I88" s="15"/>
      <c r="J88" s="9"/>
      <c r="K88" s="9"/>
      <c r="L88" s="14"/>
      <c r="M88" s="9"/>
      <c r="N88" s="9"/>
    </row>
    <row r="89" spans="1:14" x14ac:dyDescent="0.15">
      <c r="A89" s="1"/>
      <c r="B89" s="2"/>
      <c r="C89" s="15"/>
      <c r="D89" s="9"/>
      <c r="E89" s="9"/>
      <c r="F89" s="15"/>
      <c r="G89" s="9"/>
      <c r="H89" s="9"/>
      <c r="I89" s="15"/>
      <c r="J89" s="9"/>
      <c r="K89" s="9"/>
      <c r="L89" s="14"/>
      <c r="M89" s="9"/>
      <c r="N89" s="9"/>
    </row>
    <row r="90" spans="1:14" x14ac:dyDescent="0.15">
      <c r="A90" s="1"/>
      <c r="B90" s="2"/>
      <c r="C90" s="15"/>
      <c r="D90" s="9"/>
      <c r="E90" s="9"/>
      <c r="F90" s="15"/>
      <c r="G90" s="9"/>
      <c r="H90" s="9"/>
      <c r="I90" s="15"/>
      <c r="J90" s="9"/>
      <c r="K90" s="9"/>
      <c r="L90" s="14"/>
      <c r="M90" s="9"/>
      <c r="N90" s="9"/>
    </row>
    <row r="91" spans="1:14" x14ac:dyDescent="0.15">
      <c r="A91" s="1"/>
      <c r="B91" s="2"/>
      <c r="C91" s="15"/>
      <c r="D91" s="9"/>
      <c r="E91" s="9"/>
      <c r="F91" s="15"/>
      <c r="G91" s="9"/>
      <c r="H91" s="9"/>
      <c r="I91" s="15"/>
      <c r="J91" s="9"/>
      <c r="K91" s="9"/>
      <c r="L91" s="14"/>
      <c r="M91" s="9"/>
      <c r="N91" s="9"/>
    </row>
    <row r="92" spans="1:14" x14ac:dyDescent="0.15">
      <c r="A92" s="1"/>
      <c r="B92" s="2"/>
      <c r="C92" s="15"/>
      <c r="D92" s="9"/>
      <c r="E92" s="9"/>
      <c r="F92" s="15"/>
      <c r="G92" s="9"/>
      <c r="H92" s="9"/>
      <c r="I92" s="15"/>
      <c r="J92" s="9"/>
      <c r="K92" s="9"/>
      <c r="L92" s="14"/>
      <c r="M92" s="9"/>
      <c r="N92" s="9"/>
    </row>
    <row r="93" spans="1:14" x14ac:dyDescent="0.15">
      <c r="A93" s="1"/>
      <c r="B93" s="2"/>
      <c r="C93" s="15"/>
      <c r="D93" s="9"/>
      <c r="E93" s="9"/>
      <c r="F93" s="15"/>
      <c r="G93" s="9"/>
      <c r="H93" s="9"/>
      <c r="I93" s="15"/>
      <c r="J93" s="9"/>
      <c r="K93" s="9"/>
      <c r="L93" s="14"/>
      <c r="M93" s="9"/>
      <c r="N93" s="9"/>
    </row>
    <row r="94" spans="1:14" x14ac:dyDescent="0.15">
      <c r="A94" s="1"/>
      <c r="B94" s="2"/>
      <c r="C94" s="15"/>
      <c r="D94" s="9"/>
      <c r="E94" s="9"/>
      <c r="F94" s="15"/>
      <c r="G94" s="9"/>
      <c r="H94" s="9"/>
      <c r="I94" s="15"/>
      <c r="J94" s="9"/>
      <c r="K94" s="9"/>
      <c r="L94" s="14"/>
      <c r="M94" s="9"/>
      <c r="N94" s="9"/>
    </row>
    <row r="95" spans="1:14" x14ac:dyDescent="0.15">
      <c r="A95" s="1"/>
      <c r="B95" s="2"/>
      <c r="C95" s="15"/>
      <c r="D95" s="9"/>
      <c r="E95" s="9"/>
      <c r="F95" s="15"/>
      <c r="G95" s="9"/>
      <c r="H95" s="9"/>
      <c r="I95" s="15"/>
      <c r="J95" s="9"/>
      <c r="K95" s="9"/>
      <c r="L95" s="14"/>
      <c r="M95" s="9"/>
      <c r="N95" s="9"/>
    </row>
    <row r="96" spans="1:14" x14ac:dyDescent="0.15">
      <c r="A96" s="16"/>
      <c r="B96" s="13"/>
      <c r="C96" s="15"/>
      <c r="D96" s="9"/>
      <c r="E96" s="9"/>
      <c r="F96" s="15"/>
      <c r="G96" s="9"/>
      <c r="H96" s="9"/>
      <c r="I96" s="15"/>
      <c r="J96" s="9"/>
      <c r="K96" s="9"/>
      <c r="L96" s="14"/>
      <c r="M96" s="9"/>
      <c r="N96" s="9"/>
    </row>
    <row r="97" spans="1:14" x14ac:dyDescent="0.15">
      <c r="A97" s="16"/>
      <c r="B97" s="13"/>
      <c r="C97" s="15"/>
      <c r="D97" s="9"/>
      <c r="E97" s="9"/>
      <c r="F97" s="15"/>
      <c r="G97" s="9"/>
      <c r="H97" s="9"/>
      <c r="I97" s="15"/>
      <c r="J97" s="9"/>
      <c r="K97" s="9"/>
      <c r="L97" s="14"/>
      <c r="M97" s="9"/>
      <c r="N97" s="9"/>
    </row>
    <row r="98" spans="1:14" x14ac:dyDescent="0.15">
      <c r="A98" s="16"/>
      <c r="B98" s="13"/>
      <c r="C98" s="15"/>
      <c r="D98" s="9"/>
      <c r="E98" s="9"/>
      <c r="F98" s="15"/>
      <c r="G98" s="9"/>
      <c r="H98" s="9"/>
      <c r="I98" s="15"/>
      <c r="J98" s="9"/>
      <c r="K98" s="9"/>
      <c r="L98" s="14"/>
      <c r="M98" s="9"/>
      <c r="N98" s="9"/>
    </row>
    <row r="99" spans="1:14" x14ac:dyDescent="0.15">
      <c r="C99" s="10"/>
      <c r="F99" s="10"/>
    </row>
    <row r="100" spans="1:14" x14ac:dyDescent="0.15">
      <c r="C100" s="10"/>
      <c r="F100" s="10"/>
    </row>
    <row r="101" spans="1:14" x14ac:dyDescent="0.15">
      <c r="C101" s="10"/>
      <c r="F101" s="10"/>
    </row>
    <row r="102" spans="1:14" x14ac:dyDescent="0.15">
      <c r="C102" s="10"/>
      <c r="F102" s="10"/>
    </row>
    <row r="103" spans="1:14" x14ac:dyDescent="0.15">
      <c r="C103" s="10"/>
      <c r="F103" s="10"/>
    </row>
    <row r="104" spans="1:14" x14ac:dyDescent="0.15">
      <c r="C104" s="10"/>
    </row>
    <row r="105" spans="1:14" x14ac:dyDescent="0.15">
      <c r="C105" s="10"/>
    </row>
    <row r="106" spans="1:14" x14ac:dyDescent="0.15">
      <c r="C106" s="10"/>
    </row>
    <row r="107" spans="1:14" x14ac:dyDescent="0.15">
      <c r="C107" s="10"/>
    </row>
    <row r="108" spans="1:14" x14ac:dyDescent="0.15">
      <c r="C108" s="10"/>
    </row>
    <row r="109" spans="1:14" x14ac:dyDescent="0.15">
      <c r="C109" s="10"/>
    </row>
    <row r="110" spans="1:14" x14ac:dyDescent="0.15">
      <c r="C110" s="10"/>
    </row>
    <row r="111" spans="1:14" x14ac:dyDescent="0.15">
      <c r="C111" s="10"/>
    </row>
    <row r="112" spans="1:14" x14ac:dyDescent="0.15">
      <c r="C112" s="10"/>
    </row>
    <row r="113" spans="3:3" x14ac:dyDescent="0.15">
      <c r="C113" s="10"/>
    </row>
    <row r="114" spans="3:3" x14ac:dyDescent="0.15">
      <c r="C114" s="10"/>
    </row>
    <row r="115" spans="3:3" x14ac:dyDescent="0.15">
      <c r="C115" s="10"/>
    </row>
    <row r="116" spans="3:3" x14ac:dyDescent="0.15">
      <c r="C116" s="10"/>
    </row>
    <row r="117" spans="3:3" x14ac:dyDescent="0.15">
      <c r="C117" s="10"/>
    </row>
    <row r="118" spans="3:3" x14ac:dyDescent="0.15">
      <c r="C118" s="10"/>
    </row>
    <row r="119" spans="3:3" x14ac:dyDescent="0.15">
      <c r="C119" s="10"/>
    </row>
    <row r="120" spans="3:3" x14ac:dyDescent="0.15">
      <c r="C120" s="10"/>
    </row>
    <row r="121" spans="3:3" x14ac:dyDescent="0.15">
      <c r="C121" s="10"/>
    </row>
    <row r="122" spans="3:3" x14ac:dyDescent="0.15">
      <c r="C122" s="10"/>
    </row>
    <row r="123" spans="3:3" x14ac:dyDescent="0.15">
      <c r="C123" s="10"/>
    </row>
    <row r="124" spans="3:3" x14ac:dyDescent="0.15">
      <c r="C124" s="10"/>
    </row>
    <row r="125" spans="3:3" x14ac:dyDescent="0.15">
      <c r="C125" s="10"/>
    </row>
    <row r="126" spans="3:3" x14ac:dyDescent="0.15">
      <c r="C126" s="10"/>
    </row>
    <row r="127" spans="3:3" x14ac:dyDescent="0.15">
      <c r="C127" s="10"/>
    </row>
    <row r="128" spans="3:3" x14ac:dyDescent="0.15">
      <c r="C128" s="10"/>
    </row>
    <row r="129" spans="3:3" x14ac:dyDescent="0.15">
      <c r="C129" s="10"/>
    </row>
    <row r="130" spans="3:3" x14ac:dyDescent="0.15">
      <c r="C130" s="10"/>
    </row>
    <row r="131" spans="3:3" x14ac:dyDescent="0.15">
      <c r="C131" s="10"/>
    </row>
    <row r="132" spans="3:3" x14ac:dyDescent="0.15">
      <c r="C132" s="10"/>
    </row>
    <row r="133" spans="3:3" x14ac:dyDescent="0.15">
      <c r="C133" s="10"/>
    </row>
    <row r="134" spans="3:3" x14ac:dyDescent="0.15">
      <c r="C134" s="10"/>
    </row>
    <row r="135" spans="3:3" x14ac:dyDescent="0.15">
      <c r="C135" s="10"/>
    </row>
    <row r="136" spans="3:3" x14ac:dyDescent="0.15">
      <c r="C136" s="10"/>
    </row>
    <row r="137" spans="3:3" x14ac:dyDescent="0.15">
      <c r="C137" s="10"/>
    </row>
    <row r="138" spans="3:3" x14ac:dyDescent="0.15">
      <c r="C138" s="10"/>
    </row>
    <row r="139" spans="3:3" x14ac:dyDescent="0.15">
      <c r="C139" s="10"/>
    </row>
    <row r="140" spans="3:3" x14ac:dyDescent="0.15">
      <c r="C140" s="10"/>
    </row>
    <row r="141" spans="3:3" x14ac:dyDescent="0.15">
      <c r="C141" s="10"/>
    </row>
    <row r="142" spans="3:3" x14ac:dyDescent="0.15">
      <c r="C142" s="10"/>
    </row>
    <row r="143" spans="3:3" x14ac:dyDescent="0.15">
      <c r="C143" s="10"/>
    </row>
    <row r="144" spans="3:3" x14ac:dyDescent="0.15">
      <c r="C144" s="10"/>
    </row>
    <row r="145" spans="3:3" x14ac:dyDescent="0.15">
      <c r="C145" s="10"/>
    </row>
    <row r="146" spans="3:3" x14ac:dyDescent="0.15">
      <c r="C146" s="10"/>
    </row>
    <row r="147" spans="3:3" x14ac:dyDescent="0.15">
      <c r="C147" s="10"/>
    </row>
    <row r="148" spans="3:3" x14ac:dyDescent="0.15">
      <c r="C148" s="10"/>
    </row>
    <row r="149" spans="3:3" x14ac:dyDescent="0.15">
      <c r="C149" s="10"/>
    </row>
    <row r="150" spans="3:3" x14ac:dyDescent="0.15">
      <c r="C150" s="10"/>
    </row>
    <row r="151" spans="3:3" x14ac:dyDescent="0.15">
      <c r="C151" s="10"/>
    </row>
    <row r="152" spans="3:3" x14ac:dyDescent="0.15">
      <c r="C152" s="10"/>
    </row>
    <row r="153" spans="3:3" x14ac:dyDescent="0.15">
      <c r="C153" s="10"/>
    </row>
    <row r="154" spans="3:3" x14ac:dyDescent="0.15">
      <c r="C154" s="10"/>
    </row>
    <row r="155" spans="3:3" x14ac:dyDescent="0.15">
      <c r="C155" s="10"/>
    </row>
    <row r="156" spans="3:3" x14ac:dyDescent="0.15">
      <c r="C156" s="10"/>
    </row>
    <row r="157" spans="3:3" x14ac:dyDescent="0.15">
      <c r="C157" s="10"/>
    </row>
    <row r="158" spans="3:3" x14ac:dyDescent="0.15">
      <c r="C158" s="10"/>
    </row>
    <row r="159" spans="3:3" x14ac:dyDescent="0.15">
      <c r="C159" s="10"/>
    </row>
    <row r="160" spans="3:3" x14ac:dyDescent="0.15">
      <c r="C160" s="10"/>
    </row>
    <row r="161" spans="3:3" x14ac:dyDescent="0.15">
      <c r="C161" s="10"/>
    </row>
    <row r="162" spans="3:3" x14ac:dyDescent="0.15">
      <c r="C162" s="10"/>
    </row>
    <row r="163" spans="3:3" x14ac:dyDescent="0.15">
      <c r="C163" s="10"/>
    </row>
    <row r="164" spans="3:3" x14ac:dyDescent="0.15">
      <c r="C164" s="10"/>
    </row>
    <row r="165" spans="3:3" x14ac:dyDescent="0.15">
      <c r="C165" s="10"/>
    </row>
    <row r="166" spans="3:3" x14ac:dyDescent="0.15">
      <c r="C166" s="10"/>
    </row>
    <row r="167" spans="3:3" x14ac:dyDescent="0.15">
      <c r="C167" s="10"/>
    </row>
    <row r="168" spans="3:3" x14ac:dyDescent="0.15">
      <c r="C168" s="10"/>
    </row>
    <row r="169" spans="3:3" x14ac:dyDescent="0.15">
      <c r="C169" s="10"/>
    </row>
    <row r="170" spans="3:3" x14ac:dyDescent="0.15">
      <c r="C170" s="10"/>
    </row>
    <row r="171" spans="3:3" x14ac:dyDescent="0.15">
      <c r="C171" s="10"/>
    </row>
    <row r="172" spans="3:3" x14ac:dyDescent="0.15">
      <c r="C172" s="10"/>
    </row>
    <row r="173" spans="3:3" x14ac:dyDescent="0.15">
      <c r="C173" s="10"/>
    </row>
    <row r="174" spans="3:3" x14ac:dyDescent="0.15">
      <c r="C174" s="10"/>
    </row>
    <row r="175" spans="3:3" x14ac:dyDescent="0.15">
      <c r="C175" s="10"/>
    </row>
    <row r="176" spans="3:3" x14ac:dyDescent="0.15">
      <c r="C176" s="10"/>
    </row>
    <row r="177" spans="3:3" x14ac:dyDescent="0.15">
      <c r="C177" s="10"/>
    </row>
    <row r="178" spans="3:3" x14ac:dyDescent="0.15">
      <c r="C178" s="10"/>
    </row>
    <row r="179" spans="3:3" x14ac:dyDescent="0.15">
      <c r="C179" s="10"/>
    </row>
  </sheetData>
  <mergeCells count="11">
    <mergeCell ref="A47:B47"/>
    <mergeCell ref="A45:B45"/>
    <mergeCell ref="A46:B46"/>
    <mergeCell ref="A3:B5"/>
    <mergeCell ref="L50:N50"/>
    <mergeCell ref="I50:K50"/>
    <mergeCell ref="F50:H50"/>
    <mergeCell ref="L3:N3"/>
    <mergeCell ref="C3:E3"/>
    <mergeCell ref="F3:H3"/>
    <mergeCell ref="I3:K3"/>
  </mergeCells>
  <phoneticPr fontId="0"/>
  <printOptions horizontalCentered="1" gridLinesSet="0"/>
  <pageMargins left="0.59055118110236227" right="0.59055118110236227" top="0.39370078740157483" bottom="0.15748031496062992" header="0.6692913385826772" footer="0.15748031496062992"/>
  <pageSetup paperSize="9" orientation="portrait" blackAndWhite="1" r:id="rId1"/>
  <headerFooter alignWithMargins="0"/>
  <colBreaks count="1" manualBreakCount="1">
    <brk id="14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加入率</vt:lpstr>
      <vt:lpstr>年齢階層</vt:lpstr>
      <vt:lpstr>構成割合</vt:lpstr>
      <vt:lpstr>加入率!Print_Area</vt:lpstr>
      <vt:lpstr>構成割合!Print_Area</vt:lpstr>
      <vt:lpstr>年齢階層!Print_Area</vt:lpstr>
    </vt:vector>
  </TitlesOfParts>
  <Company>神奈川県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加藤康介</dc:creator>
  <cp:lastModifiedBy>user</cp:lastModifiedBy>
  <cp:lastPrinted>2022-06-29T00:26:20Z</cp:lastPrinted>
  <dcterms:created xsi:type="dcterms:W3CDTF">1998-02-18T05:19:24Z</dcterms:created>
  <dcterms:modified xsi:type="dcterms:W3CDTF">2022-07-21T06:41:38Z</dcterms:modified>
</cp:coreProperties>
</file>